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84006\Downloads\"/>
    </mc:Choice>
  </mc:AlternateContent>
  <xr:revisionPtr revIDLastSave="0" documentId="13_ncr:1_{F09ABB91-A59F-4C16-BA23-1DC4E225403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hio Power - 001400607" sheetId="8" r:id="rId1"/>
    <sheet name="Columbus Southern - 000406210" sheetId="10" r:id="rId2"/>
    <sheet name="Loss Factors" sheetId="5" r:id="rId3"/>
    <sheet name="Revenue Class" sheetId="7" r:id="rId4"/>
  </sheets>
  <definedNames>
    <definedName name="_xlnm._FilterDatabase" localSheetId="1" hidden="1">'Columbus Southern - 000406210'!$A$3:$E$5</definedName>
    <definedName name="_xlnm._FilterDatabase" localSheetId="0" hidden="1">'Ohio Power - 001400607'!$A$3:$E$87</definedName>
    <definedName name="_xlnm.Print_Area" localSheetId="2">'Loss Factors'!$A$1:$I$2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26" uniqueCount="518">
  <si>
    <t>Tariff Abbreviation</t>
  </si>
  <si>
    <t>Tariff Description</t>
  </si>
  <si>
    <t>RLM</t>
  </si>
  <si>
    <t>RS ES</t>
  </si>
  <si>
    <t>SL C-OWND</t>
  </si>
  <si>
    <t>GS1</t>
  </si>
  <si>
    <t>019</t>
  </si>
  <si>
    <t>020</t>
  </si>
  <si>
    <t>030</t>
  </si>
  <si>
    <t>032</t>
  </si>
  <si>
    <t>Tariff Code</t>
  </si>
  <si>
    <t>Standard</t>
  </si>
  <si>
    <t>Delivery Loss Factors</t>
  </si>
  <si>
    <t>Notes:</t>
  </si>
  <si>
    <t>1) Losses are part of the load you must schedule.</t>
  </si>
  <si>
    <t>2) Metered load times the loss factor is the amount you should schedule for a given meter.</t>
  </si>
  <si>
    <t>3) The transmission losses are already included in the loss factor for Secondary and Primary voltage values.</t>
  </si>
  <si>
    <t>4) To calculate to a individual Service Deliver Identifier, determine the tariff code, find it on the following</t>
  </si>
  <si>
    <t xml:space="preserve">Meter Voltage </t>
  </si>
  <si>
    <t>Loss Factor</t>
  </si>
  <si>
    <t>Transmission</t>
  </si>
  <si>
    <t>Primary</t>
  </si>
  <si>
    <t>Secondary</t>
  </si>
  <si>
    <t>209</t>
  </si>
  <si>
    <t>212</t>
  </si>
  <si>
    <t>221</t>
  </si>
  <si>
    <t>222</t>
  </si>
  <si>
    <t>230</t>
  </si>
  <si>
    <t>231</t>
  </si>
  <si>
    <t>232</t>
  </si>
  <si>
    <t>284</t>
  </si>
  <si>
    <t>GS1SCHOOL</t>
  </si>
  <si>
    <t xml:space="preserve">    worksheets, and apply the value that relates to the service delivery voltage for that tariff code.</t>
  </si>
  <si>
    <t xml:space="preserve">5) These loss factors include the FERC approved Transmission loss factor as well as the Public </t>
  </si>
  <si>
    <t xml:space="preserve">    Utilities Commission of Ohio approved primary and secondary distribution losses as shown in</t>
  </si>
  <si>
    <t xml:space="preserve">    the Company's Terms and Conditions of Open Access Distribution Service. </t>
  </si>
  <si>
    <t>Class Code</t>
  </si>
  <si>
    <t>Class</t>
  </si>
  <si>
    <t>Class Description</t>
  </si>
  <si>
    <t>010</t>
  </si>
  <si>
    <t>Residential</t>
  </si>
  <si>
    <t>Residential - Without Space Heating</t>
  </si>
  <si>
    <t>Residential - With Space Heating</t>
  </si>
  <si>
    <t>211</t>
  </si>
  <si>
    <t>Commercial</t>
  </si>
  <si>
    <t>Commercial - Without Space Heating</t>
  </si>
  <si>
    <t>Commercial - With Space Heating</t>
  </si>
  <si>
    <t>213</t>
  </si>
  <si>
    <t>Public Authorities - Schools</t>
  </si>
  <si>
    <t>216</t>
  </si>
  <si>
    <t>Public Authorities - Other Than Schools</t>
  </si>
  <si>
    <t>Industrial</t>
  </si>
  <si>
    <t>Industrial - Without Space Heating</t>
  </si>
  <si>
    <t>Industrial - With Space Heating</t>
  </si>
  <si>
    <t>Mine Power</t>
  </si>
  <si>
    <t>240</t>
  </si>
  <si>
    <t>Associated Companies</t>
  </si>
  <si>
    <t>245</t>
  </si>
  <si>
    <t>Associated Companies - Capitalized</t>
  </si>
  <si>
    <t>400</t>
  </si>
  <si>
    <t>Other</t>
  </si>
  <si>
    <t>Public Street &amp; Highway Lighting</t>
  </si>
  <si>
    <t>510</t>
  </si>
  <si>
    <t>Other Sales to Pub Auth - Schools</t>
  </si>
  <si>
    <t>520</t>
  </si>
  <si>
    <t>Other Sales to Pub Auth - Other Than Schools</t>
  </si>
  <si>
    <t>265</t>
  </si>
  <si>
    <t>266</t>
  </si>
  <si>
    <t>Effective 12-1-2021</t>
  </si>
  <si>
    <t>015</t>
  </si>
  <si>
    <t>RS</t>
  </si>
  <si>
    <t>RESIDENTIAL SERVICE</t>
  </si>
  <si>
    <t>036</t>
  </si>
  <si>
    <t>RS-TOU</t>
  </si>
  <si>
    <t>RS-TOD</t>
  </si>
  <si>
    <t>GS1NMTR</t>
  </si>
  <si>
    <t>215</t>
  </si>
  <si>
    <t>GS SEC</t>
  </si>
  <si>
    <t>GENERAL SERVICE-PRIMARY</t>
  </si>
  <si>
    <t>322</t>
  </si>
  <si>
    <t>GS PRI</t>
  </si>
  <si>
    <t>238</t>
  </si>
  <si>
    <t>239</t>
  </si>
  <si>
    <t>258</t>
  </si>
  <si>
    <t>259</t>
  </si>
  <si>
    <t>270</t>
  </si>
  <si>
    <t>275</t>
  </si>
  <si>
    <t>GENERAL SERVICE RECREATION LIGHTING</t>
  </si>
  <si>
    <t>GS-TOU</t>
  </si>
  <si>
    <t>229</t>
  </si>
  <si>
    <t>225</t>
  </si>
  <si>
    <t>223</t>
  </si>
  <si>
    <t>315</t>
  </si>
  <si>
    <t>316</t>
  </si>
  <si>
    <t>522</t>
  </si>
  <si>
    <t>EHG</t>
  </si>
  <si>
    <t>Delivery
Voltage</t>
  </si>
  <si>
    <t>GS TRANS</t>
  </si>
  <si>
    <t>GS FAIR</t>
  </si>
  <si>
    <t>OHIO POWER COMPANY</t>
  </si>
  <si>
    <t xml:space="preserve">AEP Ohio </t>
  </si>
  <si>
    <t>OAD</t>
  </si>
  <si>
    <t>029</t>
  </si>
  <si>
    <t>093</t>
  </si>
  <si>
    <t>094</t>
  </si>
  <si>
    <t>097</t>
  </si>
  <si>
    <t>22000 HPS</t>
  </si>
  <si>
    <t>OL 22000 LUMEN HIGH PRESSURE SODIUM</t>
  </si>
  <si>
    <t>098</t>
  </si>
  <si>
    <t>107</t>
  </si>
  <si>
    <t>22000HPSF</t>
  </si>
  <si>
    <t>109</t>
  </si>
  <si>
    <t>50000HPSF</t>
  </si>
  <si>
    <t>110</t>
  </si>
  <si>
    <t>17000MHFL</t>
  </si>
  <si>
    <t>111</t>
  </si>
  <si>
    <t>9000L-HPP</t>
  </si>
  <si>
    <t>116</t>
  </si>
  <si>
    <t>29000MHFL</t>
  </si>
  <si>
    <t>117</t>
  </si>
  <si>
    <t>110000MHF</t>
  </si>
  <si>
    <t>150</t>
  </si>
  <si>
    <t>151</t>
  </si>
  <si>
    <t>152</t>
  </si>
  <si>
    <t>155</t>
  </si>
  <si>
    <t>156</t>
  </si>
  <si>
    <t>157</t>
  </si>
  <si>
    <t>160</t>
  </si>
  <si>
    <t>161</t>
  </si>
  <si>
    <t>200</t>
  </si>
  <si>
    <t>EHG CHRCH</t>
  </si>
  <si>
    <t>GENERAL SVC-SCHOOL- NON-DEMAND MTRD</t>
  </si>
  <si>
    <t>217</t>
  </si>
  <si>
    <t>GS-TRAGLD</t>
  </si>
  <si>
    <t>GENERAL SVC-TRANSMISSION-LOW DEMAND</t>
  </si>
  <si>
    <t>GEN SVC-1CP-TRANSMISSION-LOW DEMAND</t>
  </si>
  <si>
    <t>521</t>
  </si>
  <si>
    <t>SLFT CUST</t>
  </si>
  <si>
    <t>716</t>
  </si>
  <si>
    <t>GS FLPUMP</t>
  </si>
  <si>
    <t>770</t>
  </si>
  <si>
    <t>774</t>
  </si>
  <si>
    <t>779</t>
  </si>
  <si>
    <t>OAD-GEN SVC-1CP-TRANSMISSION-HI DEM</t>
  </si>
  <si>
    <t>780</t>
  </si>
  <si>
    <t>783</t>
  </si>
  <si>
    <t>790</t>
  </si>
  <si>
    <t>OAD-GEN SVC-1CP-TRANSMISSION-LO DEM</t>
  </si>
  <si>
    <t>809</t>
  </si>
  <si>
    <t>810</t>
  </si>
  <si>
    <t>820</t>
  </si>
  <si>
    <t>826</t>
  </si>
  <si>
    <t>827</t>
  </si>
  <si>
    <t>OAD-GEN SVC-TRANSMISSION-LOW DEMAND</t>
  </si>
  <si>
    <t>830</t>
  </si>
  <si>
    <t>831</t>
  </si>
  <si>
    <t>839</t>
  </si>
  <si>
    <t>840</t>
  </si>
  <si>
    <t>841</t>
  </si>
  <si>
    <t>845</t>
  </si>
  <si>
    <t>846</t>
  </si>
  <si>
    <t>853</t>
  </si>
  <si>
    <t>858</t>
  </si>
  <si>
    <t>860</t>
  </si>
  <si>
    <t>861</t>
  </si>
  <si>
    <t>880</t>
  </si>
  <si>
    <t>885</t>
  </si>
  <si>
    <t>886</t>
  </si>
  <si>
    <t>900</t>
  </si>
  <si>
    <t>901</t>
  </si>
  <si>
    <t>913</t>
  </si>
  <si>
    <t>914</t>
  </si>
  <si>
    <t>OAD-OL 9000 LUMEN HIGH PRESS SODIUM</t>
  </si>
  <si>
    <t>916</t>
  </si>
  <si>
    <t>917</t>
  </si>
  <si>
    <t>920</t>
  </si>
  <si>
    <t>921</t>
  </si>
  <si>
    <t>922</t>
  </si>
  <si>
    <t>923</t>
  </si>
  <si>
    <t>925</t>
  </si>
  <si>
    <t>932</t>
  </si>
  <si>
    <t>50000MVFL</t>
  </si>
  <si>
    <t>OAD-OL 50000 LUMEN MV - FLOOD LIGHT</t>
  </si>
  <si>
    <t>960</t>
  </si>
  <si>
    <t>FL PUMP-Q</t>
  </si>
  <si>
    <t>970</t>
  </si>
  <si>
    <t>971</t>
  </si>
  <si>
    <t>972</t>
  </si>
  <si>
    <t>975</t>
  </si>
  <si>
    <t>976</t>
  </si>
  <si>
    <t>977</t>
  </si>
  <si>
    <t>980</t>
  </si>
  <si>
    <t>981</t>
  </si>
  <si>
    <t>931</t>
  </si>
  <si>
    <t>233</t>
  </si>
  <si>
    <t>234</t>
  </si>
  <si>
    <t>119</t>
  </si>
  <si>
    <t>GS REC LT</t>
  </si>
  <si>
    <t>090</t>
  </si>
  <si>
    <t>091</t>
  </si>
  <si>
    <t>092</t>
  </si>
  <si>
    <t>933</t>
  </si>
  <si>
    <t>MV PT 175</t>
  </si>
  <si>
    <t>934</t>
  </si>
  <si>
    <t>100</t>
  </si>
  <si>
    <t>911</t>
  </si>
  <si>
    <t>101</t>
  </si>
  <si>
    <t>912</t>
  </si>
  <si>
    <t>102</t>
  </si>
  <si>
    <t>104</t>
  </si>
  <si>
    <t>915</t>
  </si>
  <si>
    <t>106</t>
  </si>
  <si>
    <t>HP FL 100</t>
  </si>
  <si>
    <t>OL HIGH PRESSURE SODIUM 100 - FLOOD</t>
  </si>
  <si>
    <t>HP FL 250</t>
  </si>
  <si>
    <t>OL HIGH PRESSURE SODIUM 250 - FLOOD</t>
  </si>
  <si>
    <t>108</t>
  </si>
  <si>
    <t>HP FL 400</t>
  </si>
  <si>
    <t>OL HIGH PRESSURE SODIUM 400 - FLOOD</t>
  </si>
  <si>
    <t>918</t>
  </si>
  <si>
    <t>HP FL1000</t>
  </si>
  <si>
    <t>929</t>
  </si>
  <si>
    <t>HP PT 100</t>
  </si>
  <si>
    <t>OL HIGH PRESS SODIUM 100 - POST TOP</t>
  </si>
  <si>
    <t>919</t>
  </si>
  <si>
    <t>HP PT 150</t>
  </si>
  <si>
    <t>OL HIGH PRESS SODIUM 150 - POST TOP</t>
  </si>
  <si>
    <t>112</t>
  </si>
  <si>
    <t>HP FL 200</t>
  </si>
  <si>
    <t>OL HIGH PRESSURE SODIUM 200 - FLOOD</t>
  </si>
  <si>
    <t>910</t>
  </si>
  <si>
    <t>115</t>
  </si>
  <si>
    <t>HP FE 100</t>
  </si>
  <si>
    <t>941</t>
  </si>
  <si>
    <t>HP FE 150</t>
  </si>
  <si>
    <t>942</t>
  </si>
  <si>
    <t>HP FE 200</t>
  </si>
  <si>
    <t>943</t>
  </si>
  <si>
    <t>HP FE 400</t>
  </si>
  <si>
    <t>945</t>
  </si>
  <si>
    <t>125</t>
  </si>
  <si>
    <t>HPFLFE100</t>
  </si>
  <si>
    <t>OL HIGH PRESS SOD 100 - FLOOD - FED</t>
  </si>
  <si>
    <t>946</t>
  </si>
  <si>
    <t>126</t>
  </si>
  <si>
    <t>HPFLFE250</t>
  </si>
  <si>
    <t>OL HIGH PRESS SOD 250 - FLOOD - FED</t>
  </si>
  <si>
    <t>947</t>
  </si>
  <si>
    <t>127</t>
  </si>
  <si>
    <t>HPFLFE400</t>
  </si>
  <si>
    <t>OL HIGH PRESS SOD 400 - FLOOD - FED</t>
  </si>
  <si>
    <t>948</t>
  </si>
  <si>
    <t>128</t>
  </si>
  <si>
    <t>HPFLF1000</t>
  </si>
  <si>
    <t>930</t>
  </si>
  <si>
    <t>131</t>
  </si>
  <si>
    <t>MH FL 250</t>
  </si>
  <si>
    <t>924</t>
  </si>
  <si>
    <t>132</t>
  </si>
  <si>
    <t>MH FL 400</t>
  </si>
  <si>
    <t>133</t>
  </si>
  <si>
    <t>MH FL1000</t>
  </si>
  <si>
    <t>926</t>
  </si>
  <si>
    <t>134</t>
  </si>
  <si>
    <t>927</t>
  </si>
  <si>
    <t>136</t>
  </si>
  <si>
    <t>MHFLFE250</t>
  </si>
  <si>
    <t>949</t>
  </si>
  <si>
    <t>137</t>
  </si>
  <si>
    <t>MHFLFE400</t>
  </si>
  <si>
    <t>950</t>
  </si>
  <si>
    <t>138</t>
  </si>
  <si>
    <t>MHFLF1000</t>
  </si>
  <si>
    <t>OL METAL HALIDE 1000-FLOOD SPEC-FED</t>
  </si>
  <si>
    <t>951</t>
  </si>
  <si>
    <t>140</t>
  </si>
  <si>
    <t>937</t>
  </si>
  <si>
    <t>141</t>
  </si>
  <si>
    <t>HP CO 100</t>
  </si>
  <si>
    <t>142</t>
  </si>
  <si>
    <t>HP CO 250</t>
  </si>
  <si>
    <t>143</t>
  </si>
  <si>
    <t>HP CO 400</t>
  </si>
  <si>
    <t>146</t>
  </si>
  <si>
    <t>MV FL 250</t>
  </si>
  <si>
    <t>938</t>
  </si>
  <si>
    <t>147</t>
  </si>
  <si>
    <t>MV FL 400</t>
  </si>
  <si>
    <t>939</t>
  </si>
  <si>
    <t>148</t>
  </si>
  <si>
    <t>MVFL 1000</t>
  </si>
  <si>
    <t>940</t>
  </si>
  <si>
    <t>55W LEDDD</t>
  </si>
  <si>
    <t>LED 55 WATT-DUSK TO DAWN-NEW W POLE</t>
  </si>
  <si>
    <t>146WLEDFL</t>
  </si>
  <si>
    <t>297WLEDFL</t>
  </si>
  <si>
    <t>LED 55 WATT-DUSK TO DAWN-EX WD POLE</t>
  </si>
  <si>
    <t>LED 146 WATT-FLOOD-EXISTING WD POLE</t>
  </si>
  <si>
    <t>LED 297 WATT-FLOOD-EXISTING WD POLE</t>
  </si>
  <si>
    <t>65W LEDPT</t>
  </si>
  <si>
    <t>208</t>
  </si>
  <si>
    <t>GS SUP18S</t>
  </si>
  <si>
    <t>842</t>
  </si>
  <si>
    <t>GS SCHOOL</t>
  </si>
  <si>
    <t>220</t>
  </si>
  <si>
    <t>228</t>
  </si>
  <si>
    <t>GS ONPK S</t>
  </si>
  <si>
    <t>844</t>
  </si>
  <si>
    <t>848</t>
  </si>
  <si>
    <t>771</t>
  </si>
  <si>
    <t>529</t>
  </si>
  <si>
    <t>SL TARIFF</t>
  </si>
  <si>
    <t>269</t>
  </si>
  <si>
    <t>OAD-GEN SVC-1CP TRANSMISSION-HI DEM</t>
  </si>
  <si>
    <t>GS UNMMSC</t>
  </si>
  <si>
    <t>OAD-GENL SERV-SMALL-OPTIONAL UNMTRD</t>
  </si>
  <si>
    <t>843</t>
  </si>
  <si>
    <t>218</t>
  </si>
  <si>
    <t>219</t>
  </si>
  <si>
    <t>088</t>
  </si>
  <si>
    <t>103</t>
  </si>
  <si>
    <t>ML FL 400</t>
  </si>
  <si>
    <t>OAD-OL METAL HALIDE 1000-FLOOD-SPCL</t>
  </si>
  <si>
    <t>HPFL 1000</t>
  </si>
  <si>
    <t>OAD-HIGH PRESSURE SODIUM 1000-FLOOD</t>
  </si>
  <si>
    <t>OAD-OL HIGH PRES SOD 1000-FLOOD-FED</t>
  </si>
  <si>
    <t>936</t>
  </si>
  <si>
    <t>OAD-OL HIGH PRESSURE SODIUM 100-FED</t>
  </si>
  <si>
    <t>OAD-OL HIGH PRESSURE SODIUM 150-FED</t>
  </si>
  <si>
    <t>OAD-OL HIGH PRESSURE SODIUM 200-FED</t>
  </si>
  <si>
    <t>OAD-OL HIGH PRESSURE SODIUM 400-FED</t>
  </si>
  <si>
    <t>OAD-OL HIGH PRESS SOD 100-FLOOD-FED</t>
  </si>
  <si>
    <t>OAD-OL HIGH PRESS SOD 250-FLOOD-FED</t>
  </si>
  <si>
    <t>OAD-OL HIGH PRESS SOD 400-FLOOD-FED</t>
  </si>
  <si>
    <t>OAD-55W LED-DUSK2DAWN-NEW WOOD POLE</t>
  </si>
  <si>
    <t>OAD-146W LED-FLOOD-EXISTING WD POLE</t>
  </si>
  <si>
    <t>OAD-297W LED-FLOOD-EXISTING WD POLE</t>
  </si>
  <si>
    <t>RS-PEV</t>
  </si>
  <si>
    <t>RS TOD</t>
  </si>
  <si>
    <t>MV 100</t>
  </si>
  <si>
    <t>MV 175</t>
  </si>
  <si>
    <t>MV 400</t>
  </si>
  <si>
    <t>HPS 100</t>
  </si>
  <si>
    <t>HPS 150</t>
  </si>
  <si>
    <t>HPS 200</t>
  </si>
  <si>
    <t>HPS 400</t>
  </si>
  <si>
    <t>MV 1000</t>
  </si>
  <si>
    <t>GS NMTR</t>
  </si>
  <si>
    <t>GS PRIM</t>
  </si>
  <si>
    <t>GS ONPK</t>
  </si>
  <si>
    <t>GS-TR-LD</t>
  </si>
  <si>
    <t>GS</t>
  </si>
  <si>
    <t>GS-SEC</t>
  </si>
  <si>
    <t>HPS 250</t>
  </si>
  <si>
    <t>MV 250</t>
  </si>
  <si>
    <t xml:space="preserve">All Service Tariffs - Ohio Power </t>
  </si>
  <si>
    <t>All Service Tariffs-Columbus Southern</t>
  </si>
  <si>
    <t>RESIDENTIAL SERVICE-DEMAND METERED</t>
  </si>
  <si>
    <t>RESIDENTIAL SERV-OPTIONAL DM RATE</t>
  </si>
  <si>
    <t>RSDNTL SVC:PEV WHOLE HOUSE</t>
  </si>
  <si>
    <t>RESIDENTIAL TIME-OF-DAY</t>
  </si>
  <si>
    <t>RESIDENTIAL-ES (ENERGY STORAGE)</t>
  </si>
  <si>
    <t>RESIDENTIAL TIME-OF-USE</t>
  </si>
  <si>
    <t>OL MERCURY VAPOR 100</t>
  </si>
  <si>
    <t>OL MERCURY VAPOR 175</t>
  </si>
  <si>
    <t>OL MERCURY VAPOR 400</t>
  </si>
  <si>
    <t>OL MERCURY VAPOR 175 - POST TOP</t>
  </si>
  <si>
    <t>OL HIGH PRESSURE SODIUM 100</t>
  </si>
  <si>
    <t>OL HIGH PRESSURE SODIUM 150</t>
  </si>
  <si>
    <t>OL HIGH PRESSURE SODIUM 200</t>
  </si>
  <si>
    <t>OL HIGH PRESSURE SODIUM 400</t>
  </si>
  <si>
    <t>OL HIGH PRESSURE SODIUM 1000-FLOOD</t>
  </si>
  <si>
    <t>OL HIGH PRESSURE SODIUM 100 - FED</t>
  </si>
  <si>
    <t>OL HIGH PRESSURE SODIUM 150 - FED</t>
  </si>
  <si>
    <t>OL HIGH PRESSURE SODIUM 200 - FED</t>
  </si>
  <si>
    <t>OL HIGH PRESSURE SODIUM 400 - FED</t>
  </si>
  <si>
    <t>OL HIGH PRESS SOD 1000-FLOOD-FED</t>
  </si>
  <si>
    <t>OL METAL HALIDE 250 - FLOOD</t>
  </si>
  <si>
    <t>OL METAL HALIDE 400 - FLOOD</t>
  </si>
  <si>
    <t>OL METAL HALIDE 1000 - FLOOD</t>
  </si>
  <si>
    <t>OL METAL HALIDE 1000-FLOOD SPECIAL</t>
  </si>
  <si>
    <t>OL METAL HALIDE 250 - FLOOD - FED</t>
  </si>
  <si>
    <t>OL METAL HALIDE 400 - FLOOD - FED</t>
  </si>
  <si>
    <t>OL MERCURY VAPOR 1000</t>
  </si>
  <si>
    <t>OL HIGH PRESS SODIUM 100 - CUT OFF</t>
  </si>
  <si>
    <t>OL HIGH PRESS SODIUM 250 - CUT OFF</t>
  </si>
  <si>
    <t>OL HIGH PRESS SODIUM 400 - CUT OFF</t>
  </si>
  <si>
    <t>OL MERCURY VAPOR 250 - FLOOD</t>
  </si>
  <si>
    <t>OL MERCURY VAPOR 400 - FLOOD</t>
  </si>
  <si>
    <t>OL MERCURY VAPOR 1000 - FLOOD</t>
  </si>
  <si>
    <t>LED 146 WATT-FLOOD-NEW WOOD POLE</t>
  </si>
  <si>
    <t>LED 297 WATT-FLOOD-NEW WOOD POLE</t>
  </si>
  <si>
    <t>LED 65 WATT-POST TOP-NEW POLE</t>
  </si>
  <si>
    <t>LED 65 WATT-POST TOP-EX POLE</t>
  </si>
  <si>
    <t>GENERAL SERVICE-SUPP 18S</t>
  </si>
  <si>
    <t>GENERAL SERVICE-SMALL</t>
  </si>
  <si>
    <t>GENERAL SERVICE - SCHOOL</t>
  </si>
  <si>
    <t>GEN SERV - NON-METERED SERVICE</t>
  </si>
  <si>
    <t>GENERAL SERVICE-SECONDARY</t>
  </si>
  <si>
    <t>GEN SERV-LOW-TIME-OF-DAY - ON PEAK</t>
  </si>
  <si>
    <t>GEN SERV-LOW-TOD-SECONDARY-ON PEAK</t>
  </si>
  <si>
    <t>GENERAL SVC-SECONDARY-AGRICULTURAL</t>
  </si>
  <si>
    <t>GENERAL SVC-PRIMARY-AGRICULTURAL</t>
  </si>
  <si>
    <t>GEN SVC-TRAN-AGR-HI DEMAND</t>
  </si>
  <si>
    <t>GENERAL SVC-TRANSMISSION-HI DEMAND</t>
  </si>
  <si>
    <t>GEN SVC-TRAN-AGR-LOW DEMAND</t>
  </si>
  <si>
    <t>GENERAL SVC-1CP SECONDARY</t>
  </si>
  <si>
    <t>GENERAL SVC-1CP PRIMARY</t>
  </si>
  <si>
    <t>GEN SVC-1CP-TRANSMISSION-HI DEMAND</t>
  </si>
  <si>
    <t>GEN SERV-TIME OF USE</t>
  </si>
  <si>
    <t>GENERAL SVC-COUNTY FAIR-SECONDARY</t>
  </si>
  <si>
    <t>GENERAL SVC-COUNTY FAIR-PRIMARY</t>
  </si>
  <si>
    <t>GEN SERVICE-PRIMARY</t>
  </si>
  <si>
    <t>STREET LIGHT CUSTOMER OWNED</t>
  </si>
  <si>
    <t>STREET LIGHT TARIFF</t>
  </si>
  <si>
    <t>OAD-GENERAL SVC-1CP SECONDARY</t>
  </si>
  <si>
    <t>OAD-GENERAL SVC-1CP PRIMARY</t>
  </si>
  <si>
    <t>OAD-RES SVC:PEV-WHOLE HOUSE</t>
  </si>
  <si>
    <t>OAD-RESIDENTIAL SVC-DEMAND METERED</t>
  </si>
  <si>
    <t>OAD-RESIDENTIAL</t>
  </si>
  <si>
    <t>OAD-GEN SVC-TRAN-AGR-LOW DEMAND</t>
  </si>
  <si>
    <t>OAD-GENERAL SERVICE-SMALL</t>
  </si>
  <si>
    <t>OAD-GEN SERVICE RECREATIONAL LTG</t>
  </si>
  <si>
    <t>OAD-GENERAL SERVICE-SECONDARY</t>
  </si>
  <si>
    <t>OAD-GENERAL SERVICE-PRIMARY</t>
  </si>
  <si>
    <t>OAD-GENERAL SERVICE-S</t>
  </si>
  <si>
    <t>OAD-GENL SERV-LOW-PRIMARY</t>
  </si>
  <si>
    <t>OAD-GEN SERV-LOW-SEC-AGRICULTURAL</t>
  </si>
  <si>
    <t>OAD-GENL SERV-LOW-PRIMARY-FED ACCT</t>
  </si>
  <si>
    <t>OAD-GEN SVC-TRANMISSION-HI DEMAND</t>
  </si>
  <si>
    <t>OAD-GEN SVC-TRAN-AGR-HI DEMAND</t>
  </si>
  <si>
    <t>OAD-GEN SVC-COUNTY FAIR-SECONDARY</t>
  </si>
  <si>
    <t>OAD-GEN SERVICE-PRIMARY</t>
  </si>
  <si>
    <t>OAD-GEN SVC-COUNTY FAIR-PRIMARY</t>
  </si>
  <si>
    <t>OAD-STREET LIGHT TARIFF</t>
  </si>
  <si>
    <t>OAD-STREET LIGHT-CUST OWNED</t>
  </si>
  <si>
    <t>OAD-HIGH PRESSURE SODIUM 200-FLOOD</t>
  </si>
  <si>
    <t>OAD-OL HIGH PRESSURE SODIUM 100</t>
  </si>
  <si>
    <t>OAD-OL HIGH PRESSURE SODIUM 150</t>
  </si>
  <si>
    <t>OAD-HIGH PRESSURE SODIUM 200</t>
  </si>
  <si>
    <t>OAD-HIGH PRESSURE SODIUM 250</t>
  </si>
  <si>
    <t>OAD-HIGH PRESSURE SODIUM 400</t>
  </si>
  <si>
    <t>OAD - HIGH PRESSURE SODIUM - FLOOD</t>
  </si>
  <si>
    <t>OAD-HIGH PRESSURE SODIUM 250-FLOOD</t>
  </si>
  <si>
    <t>OAD-HIGH PRESSURE SODIUM 400-FLOOD</t>
  </si>
  <si>
    <t>OAD-HIGH PRESS SODIUM 100-POST TOP</t>
  </si>
  <si>
    <t>OAD-HIGH PRESS SODIUM 150-POST TOP</t>
  </si>
  <si>
    <t>OAD-HIGH PRESS SODIUM 100-CUT OFF</t>
  </si>
  <si>
    <t>OAD-HIGH PRESS SODIUM 250-CUT OFF</t>
  </si>
  <si>
    <t>OAD-HIGH PRESS SODIUM 400-CUT OFF</t>
  </si>
  <si>
    <t>OAD-OL METAL HALIDE 250 - FLOOD</t>
  </si>
  <si>
    <t>OAD-OL METAL HALIDE 400 - FLOOD</t>
  </si>
  <si>
    <t>OAD-OL METAL HALIDE 1000-FLOOD</t>
  </si>
  <si>
    <t>OAD-OL MERCURY VAPOR 100</t>
  </si>
  <si>
    <t>OAD-OL MERCURY VAPOR 175</t>
  </si>
  <si>
    <t>OAD-OL MERCURY VAPOR 400</t>
  </si>
  <si>
    <t>OAD-OL MECURY VAPOR 175-POST TOP</t>
  </si>
  <si>
    <t>OAD-OL MERCURY VAPOR 250</t>
  </si>
  <si>
    <t>OAD-OL MERCURY VAPOR 1000</t>
  </si>
  <si>
    <t>OAD-OL MERCURY VAPOR 250 - FLOOD</t>
  </si>
  <si>
    <t>OAD-OL MERCURY VAPOR 400 - FLOOD</t>
  </si>
  <si>
    <t>OAD-OL MERCURY VAPOR 1000 - FLOOD</t>
  </si>
  <si>
    <t>OAD-OL METAL HALIDE 250-FLOOD-FED</t>
  </si>
  <si>
    <t>OAD-OL METAL HALIDE 400-FLOOD-FED</t>
  </si>
  <si>
    <t>OAD-OL MET HAL 1000-FLOOD-SPEC-FED</t>
  </si>
  <si>
    <t>OAD-146W LED-FLOOD-NEW WOOD POLE</t>
  </si>
  <si>
    <t>OAD-297W LED-FLOOD-NEW WOOD POLE</t>
  </si>
  <si>
    <t>OAD-55W LED-DUSK2DAWN-EX WOOD POLE</t>
  </si>
  <si>
    <t>OAD-65W LED-POST TOP-NEW POLE</t>
  </si>
  <si>
    <t>OAD-65W LED-POST TOP-EX POLE</t>
  </si>
  <si>
    <t>OL 7000 LUMEN MERCURY VAPOR</t>
  </si>
  <si>
    <t>OL 9000 LUMEN HIGH PRESSURE SODIUM</t>
  </si>
  <si>
    <t>OL 22000 LUMEN HPS - FLOOD LIGHT</t>
  </si>
  <si>
    <t>OL 50000 LUMEN HPS - FLOOD LIGHT</t>
  </si>
  <si>
    <t>OL 17000 LUMEN MH - FLOOD LIGHT</t>
  </si>
  <si>
    <t>OL 9000 LUMEN HPS - POST TOP</t>
  </si>
  <si>
    <t>OL 29000 LUMEN MH - FLOOD LIGHT</t>
  </si>
  <si>
    <t>OL 110000 L MH-FLOOD LT SPECIAL</t>
  </si>
  <si>
    <t>ELECTRIC HEATING GENERAL-CHURCHES</t>
  </si>
  <si>
    <t>ELECTRIC HEATING GENERAL MINIMUM</t>
  </si>
  <si>
    <t>GENERAL SERVICE - NON-DEMAND MTRD</t>
  </si>
  <si>
    <t>GENERAL SVC - UNMETERED SERVICE</t>
  </si>
  <si>
    <t>GENERAL SERVICE - SECONDARY</t>
  </si>
  <si>
    <t>GENERAL SERVICE - PRIMARY</t>
  </si>
  <si>
    <t>GEN SERV-LOW-TOD-ON PEAK</t>
  </si>
  <si>
    <t>GEN SERV-SMALL-TOD-ON PEAK</t>
  </si>
  <si>
    <t>GENERAL SVC-PRIMARY-AGRICULTUAL</t>
  </si>
  <si>
    <t>STREET LIGHT FILED TARIFF</t>
  </si>
  <si>
    <t>STREET LIGHT FILED TARIFF CUSTOMER</t>
  </si>
  <si>
    <t>GENERAL SERVICE - FLOOD PUMP</t>
  </si>
  <si>
    <t>OAD-GENERAL SVC 1CP-PRIMARY</t>
  </si>
  <si>
    <t>OAD-GEN SVC-1CP-SEC-SCHOOL</t>
  </si>
  <si>
    <t>OAD-RESIDENTIAL SERVICE</t>
  </si>
  <si>
    <t>OAD-GENERAL SERVICE-FIXED</t>
  </si>
  <si>
    <t>OAD-GEN SERV-NON-METERED</t>
  </si>
  <si>
    <t>OAD-GEN SERV-LOW-SECONDARY</t>
  </si>
  <si>
    <t>OAD-GENERAL SVC - PRIMARY</t>
  </si>
  <si>
    <t>OAD-GENERAL SVC-PRI AGRICULTURAL</t>
  </si>
  <si>
    <t>OAD-GEN SVC-TRANSMISSION-HI DEMAND</t>
  </si>
  <si>
    <t>OAD-ELECTRIC HEATING GENERAL</t>
  </si>
  <si>
    <t>OAD-ELECTRIC HEATING GENL-MINIMUM</t>
  </si>
  <si>
    <t>OAD-STREET LIGHT FILED TARIFF</t>
  </si>
  <si>
    <t>OAD-STREET LIGHT FILE TARIFF CUST</t>
  </si>
  <si>
    <t>OAD-OL 7000 LUMEN MERCURY VAPOR</t>
  </si>
  <si>
    <t>OAD-OL 22000 LUM HIGH PRESS SODIUM</t>
  </si>
  <si>
    <t>OAD-OL HIGH PRESSURE SODIUM 400</t>
  </si>
  <si>
    <t>OAD-OL 22000 LUMEN HPS-FLOOD LIGHT</t>
  </si>
  <si>
    <t>OAD-OL 50000 LUMEN HPS-FLOOD LIGHT</t>
  </si>
  <si>
    <t>OAD-OL LUMEN MH - FLOOD LIGHT</t>
  </si>
  <si>
    <t>OAD-OL 9000 LUMEN HP - POST TOP</t>
  </si>
  <si>
    <t>OAD-OL 29000 LUMEN MH -FLOOD LIGHT</t>
  </si>
  <si>
    <t>OAD-FLOOD PUMPING - Q</t>
  </si>
  <si>
    <t>RS-ES</t>
  </si>
  <si>
    <t>OL7000MV</t>
  </si>
  <si>
    <t>9000 HPS</t>
  </si>
  <si>
    <t>GS-TOD</t>
  </si>
  <si>
    <t>SL FT</t>
  </si>
  <si>
    <t>9000-HP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0"/>
      <name val="Arial"/>
    </font>
    <font>
      <b/>
      <sz val="14"/>
      <name val="Arial"/>
      <family val="2"/>
    </font>
    <font>
      <b/>
      <sz val="12"/>
      <name val="Arial"/>
      <family val="2"/>
    </font>
    <font>
      <b/>
      <i/>
      <sz val="10"/>
      <name val="Arial"/>
      <family val="2"/>
    </font>
    <font>
      <b/>
      <u/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4">
    <xf numFmtId="0" fontId="0" fillId="0" borderId="0"/>
    <xf numFmtId="0" fontId="7" fillId="0" borderId="0"/>
    <xf numFmtId="0" fontId="7" fillId="0" borderId="0"/>
    <xf numFmtId="0" fontId="6" fillId="0" borderId="0"/>
  </cellStyleXfs>
  <cellXfs count="65">
    <xf numFmtId="0" fontId="0" fillId="0" borderId="0" xfId="0"/>
    <xf numFmtId="0" fontId="3" fillId="0" borderId="0" xfId="0" applyFont="1"/>
    <xf numFmtId="0" fontId="0" fillId="0" borderId="1" xfId="0" applyBorder="1"/>
    <xf numFmtId="0" fontId="0" fillId="0" borderId="2" xfId="0" applyBorder="1"/>
    <xf numFmtId="0" fontId="0" fillId="0" borderId="0" xfId="0" applyBorder="1"/>
    <xf numFmtId="0" fontId="4" fillId="0" borderId="3" xfId="0" applyFont="1" applyBorder="1" applyAlignment="1">
      <alignment horizontal="center"/>
    </xf>
    <xf numFmtId="0" fontId="4" fillId="0" borderId="4" xfId="0" applyFont="1" applyBorder="1" applyAlignment="1">
      <alignment horizontal="center"/>
    </xf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2" fillId="0" borderId="0" xfId="0" applyFont="1"/>
    <xf numFmtId="0" fontId="1" fillId="0" borderId="0" xfId="0" applyFont="1" applyAlignment="1">
      <alignment horizontal="center"/>
    </xf>
    <xf numFmtId="0" fontId="2" fillId="0" borderId="8" xfId="0" applyFont="1" applyBorder="1"/>
    <xf numFmtId="0" fontId="2" fillId="0" borderId="9" xfId="0" applyFont="1" applyBorder="1"/>
    <xf numFmtId="0" fontId="1" fillId="0" borderId="9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5" fillId="0" borderId="13" xfId="0" applyFont="1" applyBorder="1" applyAlignment="1">
      <alignment horizontal="center"/>
    </xf>
    <xf numFmtId="0" fontId="5" fillId="0" borderId="14" xfId="0" applyFont="1" applyBorder="1" applyAlignment="1">
      <alignment horizontal="center"/>
    </xf>
    <xf numFmtId="0" fontId="5" fillId="0" borderId="3" xfId="0" applyFont="1" applyBorder="1" applyAlignment="1">
      <alignment horizontal="center"/>
    </xf>
    <xf numFmtId="0" fontId="5" fillId="0" borderId="4" xfId="0" applyFont="1" applyBorder="1" applyAlignment="1">
      <alignment horizontal="center"/>
    </xf>
    <xf numFmtId="0" fontId="5" fillId="0" borderId="0" xfId="0" applyFont="1"/>
    <xf numFmtId="0" fontId="6" fillId="0" borderId="0" xfId="0" applyFont="1"/>
    <xf numFmtId="0" fontId="6" fillId="0" borderId="0" xfId="3"/>
    <xf numFmtId="0" fontId="6" fillId="0" borderId="15" xfId="3" applyBorder="1"/>
    <xf numFmtId="0" fontId="6" fillId="0" borderId="15" xfId="3" applyBorder="1" applyAlignment="1">
      <alignment horizontal="center"/>
    </xf>
    <xf numFmtId="0" fontId="6" fillId="0" borderId="15" xfId="3" applyBorder="1" applyAlignment="1"/>
    <xf numFmtId="0" fontId="6" fillId="0" borderId="0" xfId="3" quotePrefix="1" applyAlignment="1">
      <alignment horizontal="center"/>
    </xf>
    <xf numFmtId="0" fontId="6" fillId="0" borderId="0" xfId="3" applyAlignment="1">
      <alignment horizontal="center" vertical="center"/>
    </xf>
    <xf numFmtId="0" fontId="6" fillId="0" borderId="0" xfId="3" applyAlignment="1">
      <alignment horizontal="center"/>
    </xf>
    <xf numFmtId="0" fontId="6" fillId="0" borderId="15" xfId="3" quotePrefix="1" applyBorder="1" applyAlignment="1">
      <alignment horizontal="center"/>
    </xf>
    <xf numFmtId="0" fontId="6" fillId="0" borderId="15" xfId="3" applyBorder="1" applyAlignment="1">
      <alignment horizontal="center" vertical="center"/>
    </xf>
    <xf numFmtId="0" fontId="6" fillId="0" borderId="15" xfId="3" applyBorder="1" applyAlignment="1">
      <alignment vertical="center"/>
    </xf>
    <xf numFmtId="0" fontId="6" fillId="0" borderId="0" xfId="3" applyAlignment="1">
      <alignment vertical="center"/>
    </xf>
    <xf numFmtId="0" fontId="6" fillId="0" borderId="16" xfId="3" applyBorder="1" applyAlignment="1"/>
    <xf numFmtId="0" fontId="0" fillId="0" borderId="17" xfId="0" applyBorder="1"/>
    <xf numFmtId="0" fontId="6" fillId="0" borderId="17" xfId="3" applyBorder="1"/>
    <xf numFmtId="0" fontId="6" fillId="0" borderId="16" xfId="3" applyBorder="1"/>
    <xf numFmtId="49" fontId="0" fillId="0" borderId="0" xfId="0" applyNumberFormat="1"/>
    <xf numFmtId="0" fontId="2" fillId="0" borderId="0" xfId="0" applyFont="1" applyBorder="1" applyAlignment="1">
      <alignment horizontal="center"/>
    </xf>
    <xf numFmtId="0" fontId="2" fillId="0" borderId="12" xfId="0" applyFont="1" applyBorder="1" applyAlignment="1">
      <alignment horizontal="center"/>
    </xf>
    <xf numFmtId="49" fontId="0" fillId="0" borderId="0" xfId="0" applyNumberFormat="1" applyAlignment="1">
      <alignment horizontal="center" vertical="center"/>
    </xf>
    <xf numFmtId="0" fontId="0" fillId="0" borderId="0" xfId="0" applyAlignment="1">
      <alignment horizontal="center" vertical="center"/>
    </xf>
    <xf numFmtId="49" fontId="5" fillId="0" borderId="7" xfId="0" applyNumberFormat="1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NumberFormat="1" applyAlignment="1">
      <alignment horizontal="center" vertical="center"/>
    </xf>
    <xf numFmtId="49" fontId="5" fillId="0" borderId="7" xfId="0" applyNumberFormat="1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7" xfId="0" applyNumberFormat="1" applyFont="1" applyBorder="1" applyAlignment="1">
      <alignment horizontal="center" vertical="center"/>
    </xf>
    <xf numFmtId="0" fontId="2" fillId="0" borderId="9" xfId="0" applyFont="1" applyBorder="1" applyAlignment="1">
      <alignment horizontal="center" wrapText="1"/>
    </xf>
    <xf numFmtId="0" fontId="2" fillId="0" borderId="0" xfId="0" applyFont="1" applyBorder="1" applyAlignment="1">
      <alignment horizontal="center"/>
    </xf>
    <xf numFmtId="0" fontId="2" fillId="0" borderId="12" xfId="0" applyFont="1" applyBorder="1" applyAlignment="1">
      <alignment horizontal="center"/>
    </xf>
    <xf numFmtId="0" fontId="2" fillId="0" borderId="9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Alignment="1">
      <alignment horizontal="center"/>
    </xf>
    <xf numFmtId="0" fontId="6" fillId="0" borderId="0" xfId="3" applyAlignment="1">
      <alignment horizontal="center" vertical="center"/>
    </xf>
  </cellXfs>
  <cellStyles count="4">
    <cellStyle name="Normal" xfId="0" builtinId="0"/>
    <cellStyle name="Normal 2" xfId="1" xr:uid="{00000000-0005-0000-0000-000001000000}"/>
    <cellStyle name="Normal 3" xfId="2" xr:uid="{00000000-0005-0000-0000-000002000000}"/>
    <cellStyle name="Normal 4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2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95"/>
  <sheetViews>
    <sheetView tabSelected="1" zoomScaleNormal="100" workbookViewId="0">
      <selection activeCell="C1" sqref="C1"/>
    </sheetView>
  </sheetViews>
  <sheetFormatPr defaultRowHeight="12.75" x14ac:dyDescent="0.2"/>
  <cols>
    <col min="1" max="1" width="14.28515625" style="42" bestFit="1" customWidth="1"/>
    <col min="2" max="2" width="23.5703125" style="43" bestFit="1" customWidth="1"/>
    <col min="3" max="3" width="43.28515625" style="43" bestFit="1" customWidth="1"/>
    <col min="4" max="4" width="17.7109375" style="42" bestFit="1" customWidth="1"/>
    <col min="5" max="5" width="14.28515625" style="43" bestFit="1" customWidth="1"/>
    <col min="6" max="6" width="27.140625" bestFit="1" customWidth="1"/>
    <col min="9" max="9" width="9.140625" style="39"/>
    <col min="12" max="12" width="9.140625" style="39"/>
  </cols>
  <sheetData>
    <row r="1" spans="1:12" ht="18" x14ac:dyDescent="0.25">
      <c r="A1" s="11"/>
      <c r="B1" s="11"/>
      <c r="C1" s="12" t="s">
        <v>99</v>
      </c>
      <c r="D1" s="11"/>
      <c r="E1" s="22"/>
    </row>
    <row r="2" spans="1:12" ht="18.75" thickBot="1" x14ac:dyDescent="0.3">
      <c r="A2" s="11"/>
      <c r="B2" s="11"/>
      <c r="C2" s="12" t="s">
        <v>355</v>
      </c>
      <c r="D2" s="11"/>
      <c r="E2" s="22"/>
    </row>
    <row r="3" spans="1:12" ht="18" x14ac:dyDescent="0.25">
      <c r="A3" s="13"/>
      <c r="B3" s="14"/>
      <c r="C3" s="15"/>
      <c r="D3" s="14"/>
      <c r="E3" s="58" t="s">
        <v>96</v>
      </c>
    </row>
    <row r="4" spans="1:12" ht="15.75" x14ac:dyDescent="0.25">
      <c r="A4" s="16" t="s">
        <v>11</v>
      </c>
      <c r="B4" s="40"/>
      <c r="C4" s="40"/>
      <c r="D4" s="40" t="s">
        <v>101</v>
      </c>
      <c r="E4" s="59"/>
    </row>
    <row r="5" spans="1:12" ht="16.5" thickBot="1" x14ac:dyDescent="0.3">
      <c r="A5" s="17" t="s">
        <v>10</v>
      </c>
      <c r="B5" s="41" t="s">
        <v>0</v>
      </c>
      <c r="C5" s="41" t="s">
        <v>1</v>
      </c>
      <c r="D5" s="41" t="s">
        <v>10</v>
      </c>
      <c r="E5" s="60"/>
    </row>
    <row r="6" spans="1:12" x14ac:dyDescent="0.2">
      <c r="A6" s="44" t="s">
        <v>39</v>
      </c>
      <c r="B6" s="45" t="s">
        <v>70</v>
      </c>
      <c r="C6" s="45" t="s">
        <v>357</v>
      </c>
      <c r="D6" s="44" t="s">
        <v>149</v>
      </c>
      <c r="E6" s="45" t="s">
        <v>22</v>
      </c>
      <c r="G6" s="39"/>
      <c r="I6"/>
      <c r="K6" s="39"/>
      <c r="L6"/>
    </row>
    <row r="7" spans="1:12" x14ac:dyDescent="0.2">
      <c r="A7" s="44" t="s">
        <v>69</v>
      </c>
      <c r="B7" s="45" t="s">
        <v>70</v>
      </c>
      <c r="C7" s="45" t="s">
        <v>71</v>
      </c>
      <c r="D7" s="44" t="s">
        <v>150</v>
      </c>
      <c r="E7" s="45" t="s">
        <v>22</v>
      </c>
      <c r="G7" s="39"/>
      <c r="I7"/>
      <c r="K7" s="39"/>
      <c r="L7"/>
    </row>
    <row r="8" spans="1:12" x14ac:dyDescent="0.2">
      <c r="A8" s="44" t="s">
        <v>102</v>
      </c>
      <c r="B8" s="45" t="s">
        <v>337</v>
      </c>
      <c r="C8" s="45" t="s">
        <v>359</v>
      </c>
      <c r="D8" s="44" t="s">
        <v>148</v>
      </c>
      <c r="E8" s="45" t="s">
        <v>22</v>
      </c>
      <c r="G8" s="39"/>
      <c r="I8"/>
      <c r="K8" s="39"/>
      <c r="L8"/>
    </row>
    <row r="9" spans="1:12" x14ac:dyDescent="0.2">
      <c r="A9" s="44" t="s">
        <v>8</v>
      </c>
      <c r="B9" s="45" t="s">
        <v>74</v>
      </c>
      <c r="C9" s="45" t="s">
        <v>360</v>
      </c>
      <c r="D9" s="44" t="s">
        <v>150</v>
      </c>
      <c r="E9" s="45" t="s">
        <v>22</v>
      </c>
      <c r="G9" s="39"/>
      <c r="I9"/>
      <c r="K9" s="39"/>
      <c r="L9"/>
    </row>
    <row r="10" spans="1:12" x14ac:dyDescent="0.2">
      <c r="A10" s="44" t="s">
        <v>9</v>
      </c>
      <c r="B10" s="45" t="s">
        <v>512</v>
      </c>
      <c r="C10" s="45" t="s">
        <v>361</v>
      </c>
      <c r="D10" s="44" t="s">
        <v>150</v>
      </c>
      <c r="E10" s="45" t="s">
        <v>22</v>
      </c>
      <c r="G10" s="39"/>
      <c r="I10"/>
      <c r="K10" s="39"/>
      <c r="L10"/>
    </row>
    <row r="11" spans="1:12" x14ac:dyDescent="0.2">
      <c r="A11" s="44" t="s">
        <v>72</v>
      </c>
      <c r="B11" s="45" t="s">
        <v>73</v>
      </c>
      <c r="C11" s="45" t="s">
        <v>362</v>
      </c>
      <c r="D11" s="44" t="s">
        <v>150</v>
      </c>
      <c r="E11" s="45" t="s">
        <v>22</v>
      </c>
      <c r="G11" s="39"/>
      <c r="I11"/>
      <c r="K11" s="39"/>
      <c r="L11"/>
    </row>
    <row r="12" spans="1:12" x14ac:dyDescent="0.2">
      <c r="A12" s="44" t="s">
        <v>103</v>
      </c>
      <c r="B12" s="45" t="s">
        <v>513</v>
      </c>
      <c r="C12" s="45" t="s">
        <v>470</v>
      </c>
      <c r="D12" s="44" t="s">
        <v>170</v>
      </c>
      <c r="E12" s="45" t="s">
        <v>22</v>
      </c>
      <c r="G12" s="39"/>
      <c r="I12"/>
      <c r="K12" s="39"/>
      <c r="L12"/>
    </row>
    <row r="13" spans="1:12" x14ac:dyDescent="0.2">
      <c r="A13" s="44" t="s">
        <v>104</v>
      </c>
      <c r="B13" s="45" t="s">
        <v>514</v>
      </c>
      <c r="C13" s="45" t="s">
        <v>471</v>
      </c>
      <c r="D13" s="44" t="s">
        <v>171</v>
      </c>
      <c r="E13" s="45" t="s">
        <v>22</v>
      </c>
      <c r="G13" s="39"/>
      <c r="I13"/>
      <c r="K13" s="39"/>
      <c r="L13"/>
    </row>
    <row r="14" spans="1:12" x14ac:dyDescent="0.2">
      <c r="A14" s="44" t="s">
        <v>105</v>
      </c>
      <c r="B14" s="45" t="s">
        <v>106</v>
      </c>
      <c r="C14" s="45" t="s">
        <v>107</v>
      </c>
      <c r="D14" s="44" t="s">
        <v>173</v>
      </c>
      <c r="E14" s="45" t="s">
        <v>22</v>
      </c>
      <c r="G14" s="39"/>
      <c r="I14"/>
      <c r="K14" s="39"/>
      <c r="L14"/>
    </row>
    <row r="15" spans="1:12" x14ac:dyDescent="0.2">
      <c r="A15" s="44" t="s">
        <v>108</v>
      </c>
      <c r="B15" s="45" t="s">
        <v>345</v>
      </c>
      <c r="C15" s="45" t="s">
        <v>370</v>
      </c>
      <c r="D15" s="44" t="s">
        <v>174</v>
      </c>
      <c r="E15" s="45" t="s">
        <v>22</v>
      </c>
      <c r="G15" s="39"/>
      <c r="I15"/>
      <c r="K15" s="39"/>
      <c r="L15"/>
    </row>
    <row r="16" spans="1:12" x14ac:dyDescent="0.2">
      <c r="A16" s="44" t="s">
        <v>109</v>
      </c>
      <c r="B16" s="45" t="s">
        <v>110</v>
      </c>
      <c r="C16" s="45" t="s">
        <v>472</v>
      </c>
      <c r="D16" s="44" t="s">
        <v>175</v>
      </c>
      <c r="E16" s="45" t="s">
        <v>22</v>
      </c>
      <c r="G16" s="39"/>
      <c r="I16"/>
      <c r="K16" s="39"/>
      <c r="L16"/>
    </row>
    <row r="17" spans="1:12" x14ac:dyDescent="0.2">
      <c r="A17" s="44" t="s">
        <v>111</v>
      </c>
      <c r="B17" s="45" t="s">
        <v>112</v>
      </c>
      <c r="C17" s="45" t="s">
        <v>473</v>
      </c>
      <c r="D17" s="44" t="s">
        <v>176</v>
      </c>
      <c r="E17" s="45" t="s">
        <v>22</v>
      </c>
      <c r="G17" s="39"/>
      <c r="I17"/>
      <c r="K17" s="39"/>
      <c r="L17"/>
    </row>
    <row r="18" spans="1:12" x14ac:dyDescent="0.2">
      <c r="A18" s="44" t="s">
        <v>113</v>
      </c>
      <c r="B18" s="45" t="s">
        <v>114</v>
      </c>
      <c r="C18" s="45" t="s">
        <v>474</v>
      </c>
      <c r="D18" s="44" t="s">
        <v>177</v>
      </c>
      <c r="E18" s="45" t="s">
        <v>22</v>
      </c>
      <c r="G18" s="39"/>
      <c r="I18"/>
      <c r="K18" s="39"/>
      <c r="L18"/>
    </row>
    <row r="19" spans="1:12" x14ac:dyDescent="0.2">
      <c r="A19" s="44" t="s">
        <v>115</v>
      </c>
      <c r="B19" s="45" t="s">
        <v>116</v>
      </c>
      <c r="C19" s="45" t="s">
        <v>475</v>
      </c>
      <c r="D19" s="44" t="s">
        <v>178</v>
      </c>
      <c r="E19" s="45" t="s">
        <v>22</v>
      </c>
      <c r="G19" s="39"/>
      <c r="I19"/>
      <c r="K19" s="39"/>
      <c r="L19"/>
    </row>
    <row r="20" spans="1:12" x14ac:dyDescent="0.2">
      <c r="A20" s="44" t="s">
        <v>117</v>
      </c>
      <c r="B20" s="45" t="s">
        <v>118</v>
      </c>
      <c r="C20" s="45" t="s">
        <v>476</v>
      </c>
      <c r="D20" s="44" t="s">
        <v>179</v>
      </c>
      <c r="E20" s="45" t="s">
        <v>22</v>
      </c>
      <c r="G20" s="39"/>
      <c r="I20"/>
      <c r="K20" s="39"/>
      <c r="L20"/>
    </row>
    <row r="21" spans="1:12" x14ac:dyDescent="0.2">
      <c r="A21" s="44" t="s">
        <v>119</v>
      </c>
      <c r="B21" s="45" t="s">
        <v>120</v>
      </c>
      <c r="C21" s="45" t="s">
        <v>477</v>
      </c>
      <c r="D21" s="44" t="s">
        <v>193</v>
      </c>
      <c r="E21" s="45" t="s">
        <v>22</v>
      </c>
      <c r="G21" s="39"/>
      <c r="I21"/>
      <c r="K21" s="39"/>
      <c r="L21"/>
    </row>
    <row r="22" spans="1:12" x14ac:dyDescent="0.2">
      <c r="A22" s="44" t="s">
        <v>129</v>
      </c>
      <c r="B22" s="45" t="s">
        <v>130</v>
      </c>
      <c r="C22" s="45" t="s">
        <v>478</v>
      </c>
      <c r="D22" s="44" t="s">
        <v>167</v>
      </c>
      <c r="E22" s="45" t="s">
        <v>22</v>
      </c>
      <c r="G22" s="39"/>
      <c r="I22"/>
      <c r="K22" s="39"/>
      <c r="L22"/>
    </row>
    <row r="23" spans="1:12" x14ac:dyDescent="0.2">
      <c r="A23" s="44" t="s">
        <v>23</v>
      </c>
      <c r="B23" s="45" t="s">
        <v>95</v>
      </c>
      <c r="C23" s="45" t="s">
        <v>479</v>
      </c>
      <c r="D23" s="44" t="s">
        <v>166</v>
      </c>
      <c r="E23" s="45" t="s">
        <v>22</v>
      </c>
      <c r="G23" s="39"/>
      <c r="I23"/>
      <c r="K23" s="39"/>
      <c r="L23"/>
    </row>
    <row r="24" spans="1:12" x14ac:dyDescent="0.2">
      <c r="A24" s="44" t="s">
        <v>43</v>
      </c>
      <c r="B24" s="45" t="s">
        <v>5</v>
      </c>
      <c r="C24" s="45" t="s">
        <v>480</v>
      </c>
      <c r="D24" s="44" t="s">
        <v>154</v>
      </c>
      <c r="E24" s="45" t="s">
        <v>22</v>
      </c>
      <c r="G24" s="39"/>
      <c r="I24"/>
      <c r="K24" s="39"/>
      <c r="L24"/>
    </row>
    <row r="25" spans="1:12" x14ac:dyDescent="0.2">
      <c r="A25" s="44" t="s">
        <v>24</v>
      </c>
      <c r="B25" s="45" t="s">
        <v>31</v>
      </c>
      <c r="C25" s="45" t="s">
        <v>131</v>
      </c>
      <c r="D25" s="44" t="s">
        <v>154</v>
      </c>
      <c r="E25" s="45" t="s">
        <v>22</v>
      </c>
      <c r="G25" s="39"/>
      <c r="I25"/>
      <c r="K25" s="39"/>
      <c r="L25"/>
    </row>
    <row r="26" spans="1:12" x14ac:dyDescent="0.2">
      <c r="A26" s="44" t="s">
        <v>47</v>
      </c>
      <c r="B26" s="45" t="s">
        <v>75</v>
      </c>
      <c r="C26" s="45" t="s">
        <v>481</v>
      </c>
      <c r="D26" s="44" t="s">
        <v>155</v>
      </c>
      <c r="E26" s="45" t="s">
        <v>22</v>
      </c>
      <c r="G26" s="39"/>
      <c r="I26"/>
      <c r="K26" s="39"/>
      <c r="L26"/>
    </row>
    <row r="27" spans="1:12" x14ac:dyDescent="0.2">
      <c r="A27" s="44" t="s">
        <v>76</v>
      </c>
      <c r="B27" s="45" t="s">
        <v>77</v>
      </c>
      <c r="C27" s="45" t="s">
        <v>482</v>
      </c>
      <c r="D27" s="44" t="s">
        <v>157</v>
      </c>
      <c r="E27" s="45" t="s">
        <v>22</v>
      </c>
      <c r="G27" s="39"/>
      <c r="I27"/>
      <c r="K27" s="39"/>
      <c r="L27"/>
    </row>
    <row r="28" spans="1:12" x14ac:dyDescent="0.2">
      <c r="A28" s="44" t="s">
        <v>49</v>
      </c>
      <c r="B28" s="45" t="s">
        <v>77</v>
      </c>
      <c r="C28" s="45" t="s">
        <v>87</v>
      </c>
      <c r="D28" s="44" t="s">
        <v>156</v>
      </c>
      <c r="E28" s="45" t="s">
        <v>22</v>
      </c>
      <c r="G28" s="39"/>
      <c r="I28"/>
      <c r="K28" s="39"/>
      <c r="L28"/>
    </row>
    <row r="29" spans="1:12" x14ac:dyDescent="0.2">
      <c r="A29" s="44" t="s">
        <v>132</v>
      </c>
      <c r="B29" s="45" t="s">
        <v>80</v>
      </c>
      <c r="C29" s="45" t="s">
        <v>483</v>
      </c>
      <c r="D29" s="44" t="s">
        <v>158</v>
      </c>
      <c r="E29" s="45" t="s">
        <v>21</v>
      </c>
      <c r="G29" s="39"/>
      <c r="I29"/>
      <c r="K29" s="39"/>
      <c r="L29"/>
    </row>
    <row r="30" spans="1:12" x14ac:dyDescent="0.2">
      <c r="A30" s="44" t="s">
        <v>91</v>
      </c>
      <c r="B30" s="45" t="s">
        <v>515</v>
      </c>
      <c r="C30" s="45" t="s">
        <v>484</v>
      </c>
      <c r="D30" s="44" t="s">
        <v>157</v>
      </c>
      <c r="E30" s="45" t="s">
        <v>22</v>
      </c>
      <c r="G30" s="39"/>
      <c r="I30"/>
      <c r="K30" s="39"/>
      <c r="L30"/>
    </row>
    <row r="31" spans="1:12" x14ac:dyDescent="0.2">
      <c r="A31" s="44" t="s">
        <v>90</v>
      </c>
      <c r="B31" s="45" t="s">
        <v>515</v>
      </c>
      <c r="C31" s="45" t="s">
        <v>485</v>
      </c>
      <c r="D31" s="44" t="s">
        <v>154</v>
      </c>
      <c r="E31" s="45" t="s">
        <v>22</v>
      </c>
      <c r="G31" s="39"/>
      <c r="I31"/>
      <c r="K31" s="39"/>
      <c r="L31"/>
    </row>
    <row r="32" spans="1:12" x14ac:dyDescent="0.2">
      <c r="A32" s="44" t="s">
        <v>89</v>
      </c>
      <c r="B32" s="45" t="s">
        <v>515</v>
      </c>
      <c r="C32" s="45" t="s">
        <v>484</v>
      </c>
      <c r="D32" s="44" t="s">
        <v>157</v>
      </c>
      <c r="E32" s="45" t="s">
        <v>22</v>
      </c>
      <c r="G32" s="39"/>
      <c r="I32"/>
      <c r="K32" s="39"/>
      <c r="L32"/>
    </row>
    <row r="33" spans="1:12" x14ac:dyDescent="0.2">
      <c r="A33" s="44" t="s">
        <v>28</v>
      </c>
      <c r="B33" s="45" t="s">
        <v>77</v>
      </c>
      <c r="C33" s="45" t="s">
        <v>401</v>
      </c>
      <c r="D33" s="44" t="s">
        <v>159</v>
      </c>
      <c r="E33" s="45" t="s">
        <v>22</v>
      </c>
      <c r="G33" s="39"/>
      <c r="I33"/>
      <c r="K33" s="39"/>
      <c r="L33"/>
    </row>
    <row r="34" spans="1:12" x14ac:dyDescent="0.2">
      <c r="A34" s="44" t="s">
        <v>29</v>
      </c>
      <c r="B34" s="45" t="s">
        <v>80</v>
      </c>
      <c r="C34" s="45" t="s">
        <v>486</v>
      </c>
      <c r="D34" s="44" t="s">
        <v>160</v>
      </c>
      <c r="E34" s="45" t="s">
        <v>21</v>
      </c>
      <c r="G34" s="39"/>
      <c r="I34"/>
      <c r="K34" s="39"/>
      <c r="L34"/>
    </row>
    <row r="35" spans="1:12" x14ac:dyDescent="0.2">
      <c r="A35" s="44" t="s">
        <v>81</v>
      </c>
      <c r="B35" s="45" t="s">
        <v>97</v>
      </c>
      <c r="C35" s="45" t="s">
        <v>403</v>
      </c>
      <c r="D35" s="44" t="s">
        <v>162</v>
      </c>
      <c r="E35" s="45" t="s">
        <v>20</v>
      </c>
      <c r="G35" s="39"/>
      <c r="I35"/>
      <c r="K35" s="39"/>
      <c r="L35"/>
    </row>
    <row r="36" spans="1:12" x14ac:dyDescent="0.2">
      <c r="A36" s="44" t="s">
        <v>82</v>
      </c>
      <c r="B36" s="45" t="s">
        <v>97</v>
      </c>
      <c r="C36" s="45" t="s">
        <v>404</v>
      </c>
      <c r="D36" s="44" t="s">
        <v>161</v>
      </c>
      <c r="E36" s="45" t="s">
        <v>20</v>
      </c>
      <c r="G36" s="39"/>
      <c r="I36"/>
      <c r="K36" s="39"/>
      <c r="L36"/>
    </row>
    <row r="37" spans="1:12" x14ac:dyDescent="0.2">
      <c r="A37" s="44" t="s">
        <v>83</v>
      </c>
      <c r="B37" s="45" t="s">
        <v>97</v>
      </c>
      <c r="C37" s="45" t="s">
        <v>405</v>
      </c>
      <c r="D37" s="44" t="s">
        <v>151</v>
      </c>
      <c r="E37" s="45" t="s">
        <v>20</v>
      </c>
      <c r="G37" s="39"/>
      <c r="I37"/>
      <c r="K37" s="39"/>
      <c r="L37"/>
    </row>
    <row r="38" spans="1:12" x14ac:dyDescent="0.2">
      <c r="A38" s="44" t="s">
        <v>84</v>
      </c>
      <c r="B38" s="45" t="s">
        <v>97</v>
      </c>
      <c r="C38" s="45" t="s">
        <v>134</v>
      </c>
      <c r="D38" s="44" t="s">
        <v>152</v>
      </c>
      <c r="E38" s="45" t="s">
        <v>20</v>
      </c>
      <c r="G38" s="39"/>
      <c r="I38"/>
      <c r="K38" s="39"/>
      <c r="L38"/>
    </row>
    <row r="39" spans="1:12" x14ac:dyDescent="0.2">
      <c r="A39" s="44" t="s">
        <v>66</v>
      </c>
      <c r="B39" s="45" t="s">
        <v>77</v>
      </c>
      <c r="C39" s="45" t="s">
        <v>406</v>
      </c>
      <c r="D39" s="44" t="s">
        <v>140</v>
      </c>
      <c r="E39" s="45" t="s">
        <v>22</v>
      </c>
      <c r="G39" s="39"/>
      <c r="I39"/>
      <c r="K39" s="39"/>
      <c r="L39"/>
    </row>
    <row r="40" spans="1:12" x14ac:dyDescent="0.2">
      <c r="A40" s="44" t="s">
        <v>67</v>
      </c>
      <c r="B40" s="45" t="s">
        <v>80</v>
      </c>
      <c r="C40" s="45" t="s">
        <v>407</v>
      </c>
      <c r="D40" s="44" t="s">
        <v>141</v>
      </c>
      <c r="E40" s="45" t="s">
        <v>21</v>
      </c>
      <c r="G40" s="39"/>
      <c r="I40"/>
      <c r="K40" s="39"/>
      <c r="L40"/>
    </row>
    <row r="41" spans="1:12" x14ac:dyDescent="0.2">
      <c r="A41" s="44" t="s">
        <v>85</v>
      </c>
      <c r="B41" s="45" t="s">
        <v>97</v>
      </c>
      <c r="C41" s="45" t="s">
        <v>408</v>
      </c>
      <c r="D41" s="44" t="s">
        <v>142</v>
      </c>
      <c r="E41" s="45" t="s">
        <v>20</v>
      </c>
      <c r="G41" s="39"/>
      <c r="I41"/>
      <c r="K41" s="39"/>
      <c r="L41"/>
    </row>
    <row r="42" spans="1:12" x14ac:dyDescent="0.2">
      <c r="A42" s="44" t="s">
        <v>86</v>
      </c>
      <c r="B42" s="45" t="s">
        <v>97</v>
      </c>
      <c r="C42" s="45" t="s">
        <v>135</v>
      </c>
      <c r="D42" s="44" t="s">
        <v>146</v>
      </c>
      <c r="E42" s="45" t="s">
        <v>20</v>
      </c>
      <c r="G42" s="39"/>
      <c r="I42"/>
      <c r="K42" s="39"/>
      <c r="L42"/>
    </row>
    <row r="43" spans="1:12" x14ac:dyDescent="0.2">
      <c r="A43" s="44" t="s">
        <v>30</v>
      </c>
      <c r="B43" s="45" t="s">
        <v>88</v>
      </c>
      <c r="C43" s="45" t="s">
        <v>409</v>
      </c>
      <c r="D43" s="44" t="s">
        <v>157</v>
      </c>
      <c r="E43" s="45" t="s">
        <v>22</v>
      </c>
      <c r="G43" s="39"/>
      <c r="I43"/>
      <c r="K43" s="39"/>
      <c r="L43"/>
    </row>
    <row r="44" spans="1:12" x14ac:dyDescent="0.2">
      <c r="A44" s="44" t="s">
        <v>92</v>
      </c>
      <c r="B44" s="45" t="s">
        <v>98</v>
      </c>
      <c r="C44" s="45" t="s">
        <v>410</v>
      </c>
      <c r="D44" s="44" t="s">
        <v>163</v>
      </c>
      <c r="E44" s="45" t="s">
        <v>22</v>
      </c>
      <c r="G44" s="39"/>
      <c r="I44"/>
      <c r="K44" s="39"/>
      <c r="L44"/>
    </row>
    <row r="45" spans="1:12" x14ac:dyDescent="0.2">
      <c r="A45" s="44" t="s">
        <v>93</v>
      </c>
      <c r="B45" s="45" t="s">
        <v>98</v>
      </c>
      <c r="C45" s="45" t="s">
        <v>411</v>
      </c>
      <c r="D45" s="44" t="s">
        <v>165</v>
      </c>
      <c r="E45" s="45" t="s">
        <v>21</v>
      </c>
      <c r="G45" s="39"/>
      <c r="I45"/>
      <c r="K45" s="39"/>
      <c r="L45"/>
    </row>
    <row r="46" spans="1:12" x14ac:dyDescent="0.2">
      <c r="A46" s="44" t="s">
        <v>79</v>
      </c>
      <c r="B46" s="45" t="s">
        <v>80</v>
      </c>
      <c r="C46" s="45" t="s">
        <v>483</v>
      </c>
      <c r="D46" s="44" t="s">
        <v>164</v>
      </c>
      <c r="E46" s="45" t="s">
        <v>21</v>
      </c>
      <c r="G46" s="39"/>
      <c r="I46"/>
      <c r="K46" s="39"/>
      <c r="L46"/>
    </row>
    <row r="47" spans="1:12" x14ac:dyDescent="0.2">
      <c r="A47" s="44" t="s">
        <v>136</v>
      </c>
      <c r="B47" s="45" t="s">
        <v>516</v>
      </c>
      <c r="C47" s="45" t="s">
        <v>487</v>
      </c>
      <c r="D47" s="44" t="s">
        <v>168</v>
      </c>
      <c r="E47" s="45" t="s">
        <v>22</v>
      </c>
      <c r="G47" s="39"/>
      <c r="I47"/>
      <c r="K47" s="39"/>
      <c r="L47"/>
    </row>
    <row r="48" spans="1:12" x14ac:dyDescent="0.2">
      <c r="A48" s="44" t="s">
        <v>94</v>
      </c>
      <c r="B48" s="45" t="s">
        <v>137</v>
      </c>
      <c r="C48" s="45" t="s">
        <v>488</v>
      </c>
      <c r="D48" s="44" t="s">
        <v>169</v>
      </c>
      <c r="E48" s="45" t="s">
        <v>22</v>
      </c>
      <c r="G48" s="39"/>
      <c r="I48"/>
      <c r="K48" s="39"/>
      <c r="L48"/>
    </row>
    <row r="49" spans="1:12" x14ac:dyDescent="0.2">
      <c r="A49" s="44" t="s">
        <v>138</v>
      </c>
      <c r="B49" s="45" t="s">
        <v>139</v>
      </c>
      <c r="C49" s="45" t="s">
        <v>489</v>
      </c>
      <c r="D49" s="44" t="s">
        <v>183</v>
      </c>
      <c r="E49" s="45" t="s">
        <v>22</v>
      </c>
      <c r="G49" s="39"/>
      <c r="I49"/>
      <c r="K49" s="39"/>
      <c r="L49"/>
    </row>
    <row r="50" spans="1:12" x14ac:dyDescent="0.2">
      <c r="A50" s="44" t="s">
        <v>140</v>
      </c>
      <c r="B50" s="45" t="s">
        <v>77</v>
      </c>
      <c r="C50" s="45" t="s">
        <v>415</v>
      </c>
      <c r="D50" s="44" t="s">
        <v>66</v>
      </c>
      <c r="E50" s="45" t="s">
        <v>22</v>
      </c>
      <c r="G50" s="39"/>
      <c r="I50"/>
      <c r="K50" s="39"/>
      <c r="L50"/>
    </row>
    <row r="51" spans="1:12" x14ac:dyDescent="0.2">
      <c r="A51" s="44" t="s">
        <v>141</v>
      </c>
      <c r="B51" s="45" t="s">
        <v>80</v>
      </c>
      <c r="C51" s="45" t="s">
        <v>490</v>
      </c>
      <c r="D51" s="44" t="s">
        <v>67</v>
      </c>
      <c r="E51" s="45" t="s">
        <v>21</v>
      </c>
      <c r="G51" s="39"/>
      <c r="I51"/>
      <c r="K51" s="39"/>
      <c r="L51"/>
    </row>
    <row r="52" spans="1:12" x14ac:dyDescent="0.2">
      <c r="A52" s="44" t="s">
        <v>142</v>
      </c>
      <c r="B52" s="45" t="s">
        <v>97</v>
      </c>
      <c r="C52" s="45" t="s">
        <v>143</v>
      </c>
      <c r="D52" s="44" t="s">
        <v>85</v>
      </c>
      <c r="E52" s="45" t="s">
        <v>20</v>
      </c>
      <c r="G52" s="39"/>
      <c r="I52"/>
      <c r="K52" s="39"/>
      <c r="L52"/>
    </row>
    <row r="53" spans="1:12" x14ac:dyDescent="0.2">
      <c r="A53" s="44" t="s">
        <v>144</v>
      </c>
      <c r="B53" s="45" t="s">
        <v>77</v>
      </c>
      <c r="C53" s="45" t="s">
        <v>491</v>
      </c>
      <c r="D53" s="44" t="s">
        <v>194</v>
      </c>
      <c r="E53" s="45" t="s">
        <v>22</v>
      </c>
      <c r="G53" s="39"/>
      <c r="I53"/>
      <c r="K53" s="39"/>
      <c r="L53"/>
    </row>
    <row r="54" spans="1:12" x14ac:dyDescent="0.2">
      <c r="A54" s="44" t="s">
        <v>145</v>
      </c>
      <c r="B54" s="45" t="s">
        <v>77</v>
      </c>
      <c r="C54" s="45" t="s">
        <v>491</v>
      </c>
      <c r="D54" s="44" t="s">
        <v>195</v>
      </c>
      <c r="E54" s="45" t="s">
        <v>22</v>
      </c>
      <c r="G54" s="39"/>
      <c r="I54"/>
      <c r="K54" s="39"/>
      <c r="L54"/>
    </row>
    <row r="55" spans="1:12" x14ac:dyDescent="0.2">
      <c r="A55" s="44" t="s">
        <v>146</v>
      </c>
      <c r="B55" s="45" t="s">
        <v>97</v>
      </c>
      <c r="C55" s="45" t="s">
        <v>147</v>
      </c>
      <c r="D55" s="44" t="s">
        <v>86</v>
      </c>
      <c r="E55" s="45" t="s">
        <v>20</v>
      </c>
      <c r="G55" s="39"/>
      <c r="I55"/>
      <c r="K55" s="39"/>
      <c r="L55"/>
    </row>
    <row r="56" spans="1:12" x14ac:dyDescent="0.2">
      <c r="A56" s="44" t="s">
        <v>148</v>
      </c>
      <c r="B56" s="45" t="s">
        <v>337</v>
      </c>
      <c r="C56" s="45" t="s">
        <v>417</v>
      </c>
      <c r="D56" s="44" t="s">
        <v>102</v>
      </c>
      <c r="E56" s="45" t="s">
        <v>22</v>
      </c>
      <c r="G56" s="39"/>
      <c r="I56"/>
      <c r="K56" s="39"/>
      <c r="L56"/>
    </row>
    <row r="57" spans="1:12" x14ac:dyDescent="0.2">
      <c r="A57" s="44" t="s">
        <v>149</v>
      </c>
      <c r="B57" s="45" t="s">
        <v>70</v>
      </c>
      <c r="C57" s="45" t="s">
        <v>418</v>
      </c>
      <c r="D57" s="44" t="s">
        <v>39</v>
      </c>
      <c r="E57" s="45" t="s">
        <v>22</v>
      </c>
      <c r="G57" s="39"/>
      <c r="I57"/>
      <c r="K57" s="39"/>
      <c r="L57"/>
    </row>
    <row r="58" spans="1:12" x14ac:dyDescent="0.2">
      <c r="A58" s="44" t="s">
        <v>150</v>
      </c>
      <c r="B58" s="45" t="s">
        <v>70</v>
      </c>
      <c r="C58" s="45" t="s">
        <v>492</v>
      </c>
      <c r="D58" s="44" t="s">
        <v>69</v>
      </c>
      <c r="E58" s="45" t="s">
        <v>22</v>
      </c>
      <c r="G58" s="39"/>
      <c r="I58"/>
      <c r="K58" s="39"/>
      <c r="L58"/>
    </row>
    <row r="59" spans="1:12" x14ac:dyDescent="0.2">
      <c r="A59" s="44" t="s">
        <v>151</v>
      </c>
      <c r="B59" s="45" t="s">
        <v>133</v>
      </c>
      <c r="C59" s="45" t="s">
        <v>420</v>
      </c>
      <c r="D59" s="44" t="s">
        <v>83</v>
      </c>
      <c r="E59" s="45" t="s">
        <v>20</v>
      </c>
      <c r="G59" s="39"/>
      <c r="I59"/>
      <c r="K59" s="39"/>
      <c r="L59"/>
    </row>
    <row r="60" spans="1:12" x14ac:dyDescent="0.2">
      <c r="A60" s="44" t="s">
        <v>152</v>
      </c>
      <c r="B60" s="45" t="s">
        <v>350</v>
      </c>
      <c r="C60" s="45" t="s">
        <v>153</v>
      </c>
      <c r="D60" s="44" t="s">
        <v>84</v>
      </c>
      <c r="E60" s="45" t="s">
        <v>20</v>
      </c>
      <c r="G60" s="39"/>
      <c r="I60"/>
      <c r="K60" s="39"/>
      <c r="L60"/>
    </row>
    <row r="61" spans="1:12" x14ac:dyDescent="0.2">
      <c r="A61" s="44" t="s">
        <v>154</v>
      </c>
      <c r="B61" s="45" t="s">
        <v>5</v>
      </c>
      <c r="C61" s="45" t="s">
        <v>493</v>
      </c>
      <c r="D61" s="44" t="s">
        <v>43</v>
      </c>
      <c r="E61" s="45" t="s">
        <v>22</v>
      </c>
      <c r="G61" s="39"/>
      <c r="I61"/>
      <c r="K61" s="39"/>
      <c r="L61"/>
    </row>
    <row r="62" spans="1:12" x14ac:dyDescent="0.2">
      <c r="A62" s="44" t="s">
        <v>155</v>
      </c>
      <c r="B62" s="45" t="s">
        <v>75</v>
      </c>
      <c r="C62" s="45" t="s">
        <v>494</v>
      </c>
      <c r="D62" s="44" t="s">
        <v>47</v>
      </c>
      <c r="E62" s="45" t="s">
        <v>22</v>
      </c>
      <c r="G62" s="39"/>
      <c r="I62"/>
      <c r="K62" s="39"/>
      <c r="L62"/>
    </row>
    <row r="63" spans="1:12" x14ac:dyDescent="0.2">
      <c r="A63" s="44" t="s">
        <v>156</v>
      </c>
      <c r="B63" s="45" t="s">
        <v>77</v>
      </c>
      <c r="C63" s="45" t="s">
        <v>422</v>
      </c>
      <c r="D63" s="44" t="s">
        <v>49</v>
      </c>
      <c r="E63" s="45" t="s">
        <v>22</v>
      </c>
      <c r="G63" s="39"/>
      <c r="I63"/>
      <c r="K63" s="39"/>
      <c r="L63"/>
    </row>
    <row r="64" spans="1:12" x14ac:dyDescent="0.2">
      <c r="A64" s="44" t="s">
        <v>157</v>
      </c>
      <c r="B64" s="45" t="s">
        <v>77</v>
      </c>
      <c r="C64" s="45" t="s">
        <v>495</v>
      </c>
      <c r="D64" s="44" t="s">
        <v>76</v>
      </c>
      <c r="E64" s="45" t="s">
        <v>22</v>
      </c>
      <c r="G64" s="39"/>
      <c r="I64"/>
      <c r="K64" s="39"/>
      <c r="L64"/>
    </row>
    <row r="65" spans="1:12" x14ac:dyDescent="0.2">
      <c r="A65" s="44" t="s">
        <v>158</v>
      </c>
      <c r="B65" s="45" t="s">
        <v>80</v>
      </c>
      <c r="C65" s="45" t="s">
        <v>496</v>
      </c>
      <c r="D65" s="44" t="s">
        <v>132</v>
      </c>
      <c r="E65" s="45" t="s">
        <v>21</v>
      </c>
      <c r="G65" s="39"/>
      <c r="I65"/>
      <c r="K65" s="39"/>
      <c r="L65"/>
    </row>
    <row r="66" spans="1:12" x14ac:dyDescent="0.2">
      <c r="A66" s="44" t="s">
        <v>159</v>
      </c>
      <c r="B66" s="45" t="s">
        <v>77</v>
      </c>
      <c r="C66" s="45" t="s">
        <v>427</v>
      </c>
      <c r="D66" s="44" t="s">
        <v>28</v>
      </c>
      <c r="E66" s="45" t="s">
        <v>22</v>
      </c>
      <c r="G66" s="39"/>
      <c r="I66"/>
      <c r="K66" s="39"/>
      <c r="L66"/>
    </row>
    <row r="67" spans="1:12" x14ac:dyDescent="0.2">
      <c r="A67" s="44" t="s">
        <v>160</v>
      </c>
      <c r="B67" s="45" t="s">
        <v>80</v>
      </c>
      <c r="C67" s="45" t="s">
        <v>497</v>
      </c>
      <c r="D67" s="44" t="s">
        <v>29</v>
      </c>
      <c r="E67" s="45" t="s">
        <v>21</v>
      </c>
      <c r="G67" s="39"/>
      <c r="I67"/>
      <c r="K67" s="39"/>
      <c r="L67"/>
    </row>
    <row r="68" spans="1:12" x14ac:dyDescent="0.2">
      <c r="A68" s="44" t="s">
        <v>161</v>
      </c>
      <c r="B68" s="45" t="s">
        <v>97</v>
      </c>
      <c r="C68" s="45" t="s">
        <v>498</v>
      </c>
      <c r="D68" s="44" t="s">
        <v>82</v>
      </c>
      <c r="E68" s="45" t="s">
        <v>20</v>
      </c>
      <c r="G68" s="39"/>
      <c r="I68"/>
      <c r="K68" s="39"/>
      <c r="L68"/>
    </row>
    <row r="69" spans="1:12" x14ac:dyDescent="0.2">
      <c r="A69" s="44" t="s">
        <v>162</v>
      </c>
      <c r="B69" s="45" t="s">
        <v>97</v>
      </c>
      <c r="C69" s="45" t="s">
        <v>430</v>
      </c>
      <c r="D69" s="44" t="s">
        <v>81</v>
      </c>
      <c r="E69" s="45" t="s">
        <v>20</v>
      </c>
      <c r="G69" s="39"/>
      <c r="I69"/>
      <c r="K69" s="39"/>
      <c r="L69"/>
    </row>
    <row r="70" spans="1:12" x14ac:dyDescent="0.2">
      <c r="A70" s="44" t="s">
        <v>163</v>
      </c>
      <c r="B70" s="45" t="s">
        <v>98</v>
      </c>
      <c r="C70" s="45" t="s">
        <v>431</v>
      </c>
      <c r="D70" s="44" t="s">
        <v>92</v>
      </c>
      <c r="E70" s="45" t="s">
        <v>22</v>
      </c>
      <c r="G70" s="39"/>
      <c r="I70"/>
      <c r="K70" s="39"/>
      <c r="L70"/>
    </row>
    <row r="71" spans="1:12" x14ac:dyDescent="0.2">
      <c r="A71" s="44" t="s">
        <v>164</v>
      </c>
      <c r="B71" s="45" t="s">
        <v>80</v>
      </c>
      <c r="C71" s="45" t="s">
        <v>496</v>
      </c>
      <c r="D71" s="44" t="s">
        <v>79</v>
      </c>
      <c r="E71" s="45" t="s">
        <v>21</v>
      </c>
      <c r="G71" s="39"/>
      <c r="I71"/>
      <c r="K71" s="39"/>
      <c r="L71"/>
    </row>
    <row r="72" spans="1:12" x14ac:dyDescent="0.2">
      <c r="A72" s="44" t="s">
        <v>165</v>
      </c>
      <c r="B72" s="45" t="s">
        <v>98</v>
      </c>
      <c r="C72" s="45" t="s">
        <v>433</v>
      </c>
      <c r="D72" s="44" t="s">
        <v>93</v>
      </c>
      <c r="E72" s="45" t="s">
        <v>21</v>
      </c>
      <c r="G72" s="39"/>
      <c r="I72"/>
      <c r="K72" s="39"/>
      <c r="L72"/>
    </row>
    <row r="73" spans="1:12" x14ac:dyDescent="0.2">
      <c r="A73" s="44" t="s">
        <v>166</v>
      </c>
      <c r="B73" s="45" t="s">
        <v>95</v>
      </c>
      <c r="C73" s="45" t="s">
        <v>499</v>
      </c>
      <c r="D73" s="44" t="s">
        <v>23</v>
      </c>
      <c r="E73" s="45" t="s">
        <v>22</v>
      </c>
      <c r="G73" s="39"/>
      <c r="I73"/>
      <c r="K73" s="39"/>
      <c r="L73"/>
    </row>
    <row r="74" spans="1:12" x14ac:dyDescent="0.2">
      <c r="A74" s="44" t="s">
        <v>167</v>
      </c>
      <c r="B74" s="45" t="s">
        <v>130</v>
      </c>
      <c r="C74" s="45" t="s">
        <v>500</v>
      </c>
      <c r="D74" s="44" t="s">
        <v>129</v>
      </c>
      <c r="E74" s="45" t="s">
        <v>22</v>
      </c>
      <c r="G74" s="39"/>
      <c r="I74"/>
      <c r="K74" s="39"/>
      <c r="L74"/>
    </row>
    <row r="75" spans="1:12" x14ac:dyDescent="0.2">
      <c r="A75" s="44" t="s">
        <v>168</v>
      </c>
      <c r="B75" s="45" t="s">
        <v>516</v>
      </c>
      <c r="C75" s="45" t="s">
        <v>501</v>
      </c>
      <c r="D75" s="44" t="s">
        <v>136</v>
      </c>
      <c r="E75" s="45" t="s">
        <v>22</v>
      </c>
      <c r="G75" s="39"/>
      <c r="I75"/>
      <c r="K75" s="39"/>
      <c r="L75"/>
    </row>
    <row r="76" spans="1:12" x14ac:dyDescent="0.2">
      <c r="A76" s="44" t="s">
        <v>169</v>
      </c>
      <c r="B76" s="45" t="s">
        <v>137</v>
      </c>
      <c r="C76" s="45" t="s">
        <v>502</v>
      </c>
      <c r="D76" s="44" t="s">
        <v>94</v>
      </c>
      <c r="E76" s="45" t="s">
        <v>22</v>
      </c>
      <c r="G76" s="39"/>
      <c r="I76"/>
      <c r="K76" s="39"/>
      <c r="L76"/>
    </row>
    <row r="77" spans="1:12" x14ac:dyDescent="0.2">
      <c r="A77" s="44" t="s">
        <v>170</v>
      </c>
      <c r="B77" s="45" t="s">
        <v>513</v>
      </c>
      <c r="C77" s="45" t="s">
        <v>503</v>
      </c>
      <c r="D77" s="44" t="s">
        <v>103</v>
      </c>
      <c r="E77" s="45" t="s">
        <v>22</v>
      </c>
      <c r="G77" s="39"/>
      <c r="I77"/>
      <c r="K77" s="39"/>
      <c r="L77"/>
    </row>
    <row r="78" spans="1:12" x14ac:dyDescent="0.2">
      <c r="A78" s="44" t="s">
        <v>171</v>
      </c>
      <c r="B78" s="45" t="s">
        <v>514</v>
      </c>
      <c r="C78" s="45" t="s">
        <v>172</v>
      </c>
      <c r="D78" s="44" t="s">
        <v>104</v>
      </c>
      <c r="E78" s="45" t="s">
        <v>22</v>
      </c>
      <c r="G78" s="39"/>
      <c r="I78"/>
      <c r="K78" s="39"/>
      <c r="L78"/>
    </row>
    <row r="79" spans="1:12" x14ac:dyDescent="0.2">
      <c r="A79" s="44" t="s">
        <v>173</v>
      </c>
      <c r="B79" s="45" t="s">
        <v>106</v>
      </c>
      <c r="C79" s="45" t="s">
        <v>504</v>
      </c>
      <c r="D79" s="44" t="s">
        <v>105</v>
      </c>
      <c r="E79" s="45" t="s">
        <v>22</v>
      </c>
      <c r="G79" s="39"/>
      <c r="I79"/>
      <c r="K79" s="39"/>
      <c r="L79"/>
    </row>
    <row r="80" spans="1:12" x14ac:dyDescent="0.2">
      <c r="A80" s="44" t="s">
        <v>174</v>
      </c>
      <c r="B80" s="45" t="s">
        <v>345</v>
      </c>
      <c r="C80" s="45" t="s">
        <v>505</v>
      </c>
      <c r="D80" s="44" t="s">
        <v>108</v>
      </c>
      <c r="E80" s="45" t="s">
        <v>22</v>
      </c>
      <c r="G80" s="39"/>
      <c r="I80"/>
      <c r="K80" s="39"/>
      <c r="L80"/>
    </row>
    <row r="81" spans="1:12" x14ac:dyDescent="0.2">
      <c r="A81" s="44" t="s">
        <v>175</v>
      </c>
      <c r="B81" s="45" t="s">
        <v>110</v>
      </c>
      <c r="C81" s="45" t="s">
        <v>506</v>
      </c>
      <c r="D81" s="44" t="s">
        <v>109</v>
      </c>
      <c r="E81" s="45" t="s">
        <v>22</v>
      </c>
      <c r="G81" s="39"/>
      <c r="I81"/>
      <c r="K81" s="39"/>
      <c r="L81"/>
    </row>
    <row r="82" spans="1:12" x14ac:dyDescent="0.2">
      <c r="A82" s="44" t="s">
        <v>176</v>
      </c>
      <c r="B82" s="45" t="s">
        <v>112</v>
      </c>
      <c r="C82" s="45" t="s">
        <v>507</v>
      </c>
      <c r="D82" s="44" t="s">
        <v>111</v>
      </c>
      <c r="E82" s="45" t="s">
        <v>22</v>
      </c>
      <c r="G82" s="39"/>
      <c r="I82"/>
      <c r="K82" s="39"/>
      <c r="L82"/>
    </row>
    <row r="83" spans="1:12" x14ac:dyDescent="0.2">
      <c r="A83" s="44" t="s">
        <v>177</v>
      </c>
      <c r="B83" s="45" t="s">
        <v>114</v>
      </c>
      <c r="C83" s="45" t="s">
        <v>508</v>
      </c>
      <c r="D83" s="44" t="s">
        <v>113</v>
      </c>
      <c r="E83" s="45" t="s">
        <v>22</v>
      </c>
      <c r="G83" s="39"/>
      <c r="I83"/>
      <c r="K83" s="39"/>
      <c r="L83"/>
    </row>
    <row r="84" spans="1:12" x14ac:dyDescent="0.2">
      <c r="A84" s="44" t="s">
        <v>178</v>
      </c>
      <c r="B84" s="45" t="s">
        <v>517</v>
      </c>
      <c r="C84" s="45" t="s">
        <v>509</v>
      </c>
      <c r="D84" s="44" t="s">
        <v>115</v>
      </c>
      <c r="E84" s="45" t="s">
        <v>22</v>
      </c>
      <c r="G84" s="39"/>
      <c r="I84"/>
      <c r="K84" s="39"/>
      <c r="L84"/>
    </row>
    <row r="85" spans="1:12" x14ac:dyDescent="0.2">
      <c r="A85" s="44" t="s">
        <v>179</v>
      </c>
      <c r="B85" s="45" t="s">
        <v>118</v>
      </c>
      <c r="C85" s="45" t="s">
        <v>510</v>
      </c>
      <c r="D85" s="44" t="s">
        <v>117</v>
      </c>
      <c r="E85" s="45" t="s">
        <v>22</v>
      </c>
      <c r="G85" s="39"/>
      <c r="I85"/>
      <c r="K85" s="39"/>
      <c r="L85"/>
    </row>
    <row r="86" spans="1:12" x14ac:dyDescent="0.2">
      <c r="A86" s="44" t="s">
        <v>180</v>
      </c>
      <c r="B86" s="45" t="s">
        <v>181</v>
      </c>
      <c r="C86" s="45" t="s">
        <v>182</v>
      </c>
      <c r="D86" s="44" t="s">
        <v>196</v>
      </c>
      <c r="E86" s="45" t="s">
        <v>22</v>
      </c>
      <c r="G86" s="39"/>
      <c r="I86"/>
      <c r="K86" s="39"/>
      <c r="L86"/>
    </row>
    <row r="87" spans="1:12" x14ac:dyDescent="0.2">
      <c r="A87" s="44" t="s">
        <v>183</v>
      </c>
      <c r="B87" s="45" t="s">
        <v>184</v>
      </c>
      <c r="C87" s="45" t="s">
        <v>511</v>
      </c>
      <c r="D87" s="44" t="s">
        <v>138</v>
      </c>
      <c r="E87" s="45" t="s">
        <v>22</v>
      </c>
      <c r="G87" s="39"/>
      <c r="I87"/>
      <c r="K87" s="39"/>
      <c r="L87"/>
    </row>
    <row r="88" spans="1:12" x14ac:dyDescent="0.2">
      <c r="A88" s="43"/>
      <c r="D88" s="43"/>
      <c r="I88"/>
    </row>
    <row r="89" spans="1:12" x14ac:dyDescent="0.2">
      <c r="A89" s="43"/>
      <c r="D89" s="43"/>
      <c r="I89"/>
    </row>
    <row r="90" spans="1:12" x14ac:dyDescent="0.2">
      <c r="A90" s="43"/>
      <c r="D90" s="43"/>
      <c r="I90"/>
    </row>
    <row r="91" spans="1:12" x14ac:dyDescent="0.2">
      <c r="A91" s="43"/>
      <c r="D91" s="43"/>
      <c r="I91"/>
    </row>
    <row r="92" spans="1:12" x14ac:dyDescent="0.2">
      <c r="A92" s="43"/>
      <c r="D92" s="43"/>
      <c r="I92"/>
    </row>
    <row r="93" spans="1:12" x14ac:dyDescent="0.2">
      <c r="A93" s="43"/>
      <c r="D93" s="43"/>
      <c r="I93"/>
    </row>
    <row r="94" spans="1:12" x14ac:dyDescent="0.2">
      <c r="A94" s="43"/>
      <c r="D94" s="43"/>
      <c r="I94"/>
    </row>
    <row r="95" spans="1:12" x14ac:dyDescent="0.2">
      <c r="A95" s="43"/>
      <c r="D95" s="43"/>
      <c r="I95"/>
    </row>
  </sheetData>
  <autoFilter ref="A3:E87" xr:uid="{00000000-0001-0000-0000-000000000000}"/>
  <mergeCells count="1">
    <mergeCell ref="E3:E5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154"/>
  <sheetViews>
    <sheetView zoomScaleNormal="100" workbookViewId="0">
      <selection activeCell="C1" sqref="C1"/>
    </sheetView>
  </sheetViews>
  <sheetFormatPr defaultColWidth="9.140625" defaultRowHeight="12.75" x14ac:dyDescent="0.2"/>
  <cols>
    <col min="1" max="1" width="14.28515625" style="42" bestFit="1" customWidth="1"/>
    <col min="2" max="2" width="23.5703125" style="43" bestFit="1" customWidth="1"/>
    <col min="3" max="3" width="53.42578125" style="43" bestFit="1" customWidth="1"/>
    <col min="4" max="4" width="17.7109375" style="42" bestFit="1" customWidth="1"/>
    <col min="5" max="5" width="17.7109375" style="54" customWidth="1"/>
    <col min="6" max="6" width="13.5703125" style="43" bestFit="1" customWidth="1"/>
    <col min="7" max="8" width="9.140625" style="43"/>
    <col min="9" max="9" width="9.28515625" style="42" bestFit="1" customWidth="1"/>
    <col min="10" max="16384" width="9.140625" style="43"/>
  </cols>
  <sheetData>
    <row r="1" spans="1:5" ht="18" x14ac:dyDescent="0.2">
      <c r="A1" s="46"/>
      <c r="B1" s="46"/>
      <c r="C1" s="47" t="s">
        <v>99</v>
      </c>
      <c r="D1" s="46"/>
      <c r="E1" s="48"/>
    </row>
    <row r="2" spans="1:5" ht="18.75" thickBot="1" x14ac:dyDescent="0.25">
      <c r="A2" s="46"/>
      <c r="B2" s="46"/>
      <c r="C2" s="47" t="s">
        <v>356</v>
      </c>
      <c r="D2" s="46"/>
      <c r="E2" s="48"/>
    </row>
    <row r="3" spans="1:5" ht="18" x14ac:dyDescent="0.2">
      <c r="A3" s="49"/>
      <c r="B3" s="50"/>
      <c r="C3" s="51"/>
      <c r="D3" s="50"/>
      <c r="E3" s="61" t="s">
        <v>96</v>
      </c>
    </row>
    <row r="4" spans="1:5" ht="15.75" x14ac:dyDescent="0.2">
      <c r="A4" s="52" t="s">
        <v>11</v>
      </c>
      <c r="B4" s="53"/>
      <c r="C4" s="53"/>
      <c r="D4" s="53" t="s">
        <v>101</v>
      </c>
      <c r="E4" s="62"/>
    </row>
    <row r="5" spans="1:5" ht="15.75" x14ac:dyDescent="0.2">
      <c r="A5" s="52" t="s">
        <v>10</v>
      </c>
      <c r="B5" s="53" t="s">
        <v>0</v>
      </c>
      <c r="C5" s="53" t="s">
        <v>1</v>
      </c>
      <c r="D5" s="53" t="s">
        <v>10</v>
      </c>
      <c r="E5" s="62"/>
    </row>
    <row r="6" spans="1:5" x14ac:dyDescent="0.2">
      <c r="A6" s="55" t="s">
        <v>39</v>
      </c>
      <c r="B6" s="56" t="s">
        <v>70</v>
      </c>
      <c r="C6" s="56" t="s">
        <v>357</v>
      </c>
      <c r="D6" s="55" t="s">
        <v>149</v>
      </c>
      <c r="E6" s="57" t="s">
        <v>22</v>
      </c>
    </row>
    <row r="7" spans="1:5" x14ac:dyDescent="0.2">
      <c r="A7" s="55" t="s">
        <v>69</v>
      </c>
      <c r="B7" s="56" t="s">
        <v>70</v>
      </c>
      <c r="C7" s="56" t="s">
        <v>71</v>
      </c>
      <c r="D7" s="55" t="s">
        <v>150</v>
      </c>
      <c r="E7" s="57" t="s">
        <v>22</v>
      </c>
    </row>
    <row r="8" spans="1:5" x14ac:dyDescent="0.2">
      <c r="A8" s="55" t="s">
        <v>6</v>
      </c>
      <c r="B8" s="56" t="s">
        <v>2</v>
      </c>
      <c r="C8" s="56" t="s">
        <v>358</v>
      </c>
      <c r="D8" s="55" t="s">
        <v>150</v>
      </c>
      <c r="E8" s="57" t="s">
        <v>22</v>
      </c>
    </row>
    <row r="9" spans="1:5" x14ac:dyDescent="0.2">
      <c r="A9" s="55" t="s">
        <v>102</v>
      </c>
      <c r="B9" s="56" t="s">
        <v>337</v>
      </c>
      <c r="C9" s="56" t="s">
        <v>359</v>
      </c>
      <c r="D9" s="55" t="s">
        <v>148</v>
      </c>
      <c r="E9" s="57" t="s">
        <v>22</v>
      </c>
    </row>
    <row r="10" spans="1:5" x14ac:dyDescent="0.2">
      <c r="A10" s="55" t="s">
        <v>8</v>
      </c>
      <c r="B10" s="56" t="s">
        <v>338</v>
      </c>
      <c r="C10" s="56" t="s">
        <v>360</v>
      </c>
      <c r="D10" s="55" t="s">
        <v>150</v>
      </c>
      <c r="E10" s="57" t="s">
        <v>22</v>
      </c>
    </row>
    <row r="11" spans="1:5" x14ac:dyDescent="0.2">
      <c r="A11" s="55" t="s">
        <v>9</v>
      </c>
      <c r="B11" s="56" t="s">
        <v>3</v>
      </c>
      <c r="C11" s="56" t="s">
        <v>361</v>
      </c>
      <c r="D11" s="55" t="s">
        <v>150</v>
      </c>
      <c r="E11" s="57" t="s">
        <v>22</v>
      </c>
    </row>
    <row r="12" spans="1:5" x14ac:dyDescent="0.2">
      <c r="A12" s="55" t="s">
        <v>72</v>
      </c>
      <c r="B12" s="56" t="s">
        <v>73</v>
      </c>
      <c r="C12" s="56" t="s">
        <v>362</v>
      </c>
      <c r="D12" s="55" t="s">
        <v>150</v>
      </c>
      <c r="E12" s="57" t="s">
        <v>22</v>
      </c>
    </row>
    <row r="13" spans="1:5" x14ac:dyDescent="0.2">
      <c r="A13" s="55" t="s">
        <v>198</v>
      </c>
      <c r="B13" s="56" t="s">
        <v>339</v>
      </c>
      <c r="C13" s="56" t="s">
        <v>363</v>
      </c>
      <c r="D13" s="55" t="s">
        <v>193</v>
      </c>
      <c r="E13" s="57" t="s">
        <v>22</v>
      </c>
    </row>
    <row r="14" spans="1:5" x14ac:dyDescent="0.2">
      <c r="A14" s="55" t="s">
        <v>199</v>
      </c>
      <c r="B14" s="56" t="s">
        <v>340</v>
      </c>
      <c r="C14" s="56" t="s">
        <v>364</v>
      </c>
      <c r="D14" s="55" t="s">
        <v>180</v>
      </c>
      <c r="E14" s="57" t="s">
        <v>22</v>
      </c>
    </row>
    <row r="15" spans="1:5" x14ac:dyDescent="0.2">
      <c r="A15" s="55" t="s">
        <v>200</v>
      </c>
      <c r="B15" s="56" t="s">
        <v>341</v>
      </c>
      <c r="C15" s="56" t="s">
        <v>365</v>
      </c>
      <c r="D15" s="55" t="s">
        <v>201</v>
      </c>
      <c r="E15" s="57" t="s">
        <v>22</v>
      </c>
    </row>
    <row r="16" spans="1:5" x14ac:dyDescent="0.2">
      <c r="A16" s="55" t="s">
        <v>104</v>
      </c>
      <c r="B16" s="56" t="s">
        <v>202</v>
      </c>
      <c r="C16" s="56" t="s">
        <v>366</v>
      </c>
      <c r="D16" s="55" t="s">
        <v>203</v>
      </c>
      <c r="E16" s="57" t="s">
        <v>22</v>
      </c>
    </row>
    <row r="17" spans="1:5" x14ac:dyDescent="0.2">
      <c r="A17" s="55" t="s">
        <v>204</v>
      </c>
      <c r="B17" s="56" t="s">
        <v>342</v>
      </c>
      <c r="C17" s="56" t="s">
        <v>367</v>
      </c>
      <c r="D17" s="55" t="s">
        <v>205</v>
      </c>
      <c r="E17" s="57" t="s">
        <v>22</v>
      </c>
    </row>
    <row r="18" spans="1:5" x14ac:dyDescent="0.2">
      <c r="A18" s="55" t="s">
        <v>206</v>
      </c>
      <c r="B18" s="56" t="s">
        <v>343</v>
      </c>
      <c r="C18" s="56" t="s">
        <v>368</v>
      </c>
      <c r="D18" s="55" t="s">
        <v>207</v>
      </c>
      <c r="E18" s="57" t="s">
        <v>22</v>
      </c>
    </row>
    <row r="19" spans="1:5" x14ac:dyDescent="0.2">
      <c r="A19" s="55" t="s">
        <v>208</v>
      </c>
      <c r="B19" s="56" t="s">
        <v>344</v>
      </c>
      <c r="C19" s="56" t="s">
        <v>369</v>
      </c>
      <c r="D19" s="55" t="s">
        <v>170</v>
      </c>
      <c r="E19" s="57" t="s">
        <v>22</v>
      </c>
    </row>
    <row r="20" spans="1:5" x14ac:dyDescent="0.2">
      <c r="A20" s="55" t="s">
        <v>209</v>
      </c>
      <c r="B20" s="56" t="s">
        <v>345</v>
      </c>
      <c r="C20" s="56" t="s">
        <v>370</v>
      </c>
      <c r="D20" s="55" t="s">
        <v>210</v>
      </c>
      <c r="E20" s="57" t="s">
        <v>22</v>
      </c>
    </row>
    <row r="21" spans="1:5" x14ac:dyDescent="0.2">
      <c r="A21" s="55" t="s">
        <v>211</v>
      </c>
      <c r="B21" s="56" t="s">
        <v>212</v>
      </c>
      <c r="C21" s="56" t="s">
        <v>213</v>
      </c>
      <c r="D21" s="55" t="s">
        <v>173</v>
      </c>
      <c r="E21" s="57" t="s">
        <v>22</v>
      </c>
    </row>
    <row r="22" spans="1:5" x14ac:dyDescent="0.2">
      <c r="A22" s="55" t="s">
        <v>109</v>
      </c>
      <c r="B22" s="56" t="s">
        <v>214</v>
      </c>
      <c r="C22" s="56" t="s">
        <v>215</v>
      </c>
      <c r="D22" s="55" t="s">
        <v>174</v>
      </c>
      <c r="E22" s="57" t="s">
        <v>22</v>
      </c>
    </row>
    <row r="23" spans="1:5" x14ac:dyDescent="0.2">
      <c r="A23" s="55" t="s">
        <v>216</v>
      </c>
      <c r="B23" s="56" t="s">
        <v>217</v>
      </c>
      <c r="C23" s="56" t="s">
        <v>218</v>
      </c>
      <c r="D23" s="55" t="s">
        <v>219</v>
      </c>
      <c r="E23" s="57" t="s">
        <v>22</v>
      </c>
    </row>
    <row r="24" spans="1:5" x14ac:dyDescent="0.2">
      <c r="A24" s="55" t="s">
        <v>111</v>
      </c>
      <c r="B24" s="56" t="s">
        <v>220</v>
      </c>
      <c r="C24" s="56" t="s">
        <v>371</v>
      </c>
      <c r="D24" s="55" t="s">
        <v>221</v>
      </c>
      <c r="E24" s="57" t="s">
        <v>22</v>
      </c>
    </row>
    <row r="25" spans="1:5" x14ac:dyDescent="0.2">
      <c r="A25" s="55" t="s">
        <v>113</v>
      </c>
      <c r="B25" s="56" t="s">
        <v>222</v>
      </c>
      <c r="C25" s="56" t="s">
        <v>223</v>
      </c>
      <c r="D25" s="55" t="s">
        <v>224</v>
      </c>
      <c r="E25" s="57" t="s">
        <v>22</v>
      </c>
    </row>
    <row r="26" spans="1:5" x14ac:dyDescent="0.2">
      <c r="A26" s="55" t="s">
        <v>115</v>
      </c>
      <c r="B26" s="56" t="s">
        <v>225</v>
      </c>
      <c r="C26" s="56" t="s">
        <v>226</v>
      </c>
      <c r="D26" s="55" t="s">
        <v>175</v>
      </c>
      <c r="E26" s="57" t="s">
        <v>22</v>
      </c>
    </row>
    <row r="27" spans="1:5" x14ac:dyDescent="0.2">
      <c r="A27" s="55" t="s">
        <v>227</v>
      </c>
      <c r="B27" s="56" t="s">
        <v>228</v>
      </c>
      <c r="C27" s="56" t="s">
        <v>229</v>
      </c>
      <c r="D27" s="55" t="s">
        <v>230</v>
      </c>
      <c r="E27" s="57" t="s">
        <v>22</v>
      </c>
    </row>
    <row r="28" spans="1:5" x14ac:dyDescent="0.2">
      <c r="A28" s="55" t="s">
        <v>231</v>
      </c>
      <c r="B28" s="56" t="s">
        <v>232</v>
      </c>
      <c r="C28" s="56" t="s">
        <v>372</v>
      </c>
      <c r="D28" s="55" t="s">
        <v>233</v>
      </c>
      <c r="E28" s="57" t="s">
        <v>22</v>
      </c>
    </row>
    <row r="29" spans="1:5" x14ac:dyDescent="0.2">
      <c r="A29" s="55" t="s">
        <v>117</v>
      </c>
      <c r="B29" s="56" t="s">
        <v>234</v>
      </c>
      <c r="C29" s="56" t="s">
        <v>373</v>
      </c>
      <c r="D29" s="55" t="s">
        <v>235</v>
      </c>
      <c r="E29" s="57" t="s">
        <v>22</v>
      </c>
    </row>
    <row r="30" spans="1:5" x14ac:dyDescent="0.2">
      <c r="A30" s="55" t="s">
        <v>119</v>
      </c>
      <c r="B30" s="56" t="s">
        <v>236</v>
      </c>
      <c r="C30" s="56" t="s">
        <v>374</v>
      </c>
      <c r="D30" s="55" t="s">
        <v>237</v>
      </c>
      <c r="E30" s="57" t="s">
        <v>22</v>
      </c>
    </row>
    <row r="31" spans="1:5" x14ac:dyDescent="0.2">
      <c r="A31" s="55" t="s">
        <v>196</v>
      </c>
      <c r="B31" s="56" t="s">
        <v>238</v>
      </c>
      <c r="C31" s="56" t="s">
        <v>375</v>
      </c>
      <c r="D31" s="55" t="s">
        <v>239</v>
      </c>
      <c r="E31" s="57" t="s">
        <v>22</v>
      </c>
    </row>
    <row r="32" spans="1:5" x14ac:dyDescent="0.2">
      <c r="A32" s="55" t="s">
        <v>240</v>
      </c>
      <c r="B32" s="56" t="s">
        <v>241</v>
      </c>
      <c r="C32" s="56" t="s">
        <v>242</v>
      </c>
      <c r="D32" s="55" t="s">
        <v>243</v>
      </c>
      <c r="E32" s="57" t="s">
        <v>22</v>
      </c>
    </row>
    <row r="33" spans="1:5" x14ac:dyDescent="0.2">
      <c r="A33" s="55" t="s">
        <v>244</v>
      </c>
      <c r="B33" s="56" t="s">
        <v>245</v>
      </c>
      <c r="C33" s="56" t="s">
        <v>246</v>
      </c>
      <c r="D33" s="55" t="s">
        <v>247</v>
      </c>
      <c r="E33" s="57" t="s">
        <v>22</v>
      </c>
    </row>
    <row r="34" spans="1:5" x14ac:dyDescent="0.2">
      <c r="A34" s="55" t="s">
        <v>248</v>
      </c>
      <c r="B34" s="56" t="s">
        <v>249</v>
      </c>
      <c r="C34" s="56" t="s">
        <v>250</v>
      </c>
      <c r="D34" s="55" t="s">
        <v>251</v>
      </c>
      <c r="E34" s="57" t="s">
        <v>22</v>
      </c>
    </row>
    <row r="35" spans="1:5" x14ac:dyDescent="0.2">
      <c r="A35" s="55" t="s">
        <v>252</v>
      </c>
      <c r="B35" s="56" t="s">
        <v>253</v>
      </c>
      <c r="C35" s="56" t="s">
        <v>376</v>
      </c>
      <c r="D35" s="55" t="s">
        <v>254</v>
      </c>
      <c r="E35" s="57" t="s">
        <v>22</v>
      </c>
    </row>
    <row r="36" spans="1:5" x14ac:dyDescent="0.2">
      <c r="A36" s="55" t="s">
        <v>255</v>
      </c>
      <c r="B36" s="56" t="s">
        <v>256</v>
      </c>
      <c r="C36" s="56" t="s">
        <v>377</v>
      </c>
      <c r="D36" s="55" t="s">
        <v>257</v>
      </c>
      <c r="E36" s="57" t="s">
        <v>22</v>
      </c>
    </row>
    <row r="37" spans="1:5" x14ac:dyDescent="0.2">
      <c r="A37" s="55" t="s">
        <v>258</v>
      </c>
      <c r="B37" s="56" t="s">
        <v>259</v>
      </c>
      <c r="C37" s="56" t="s">
        <v>378</v>
      </c>
      <c r="D37" s="55" t="s">
        <v>179</v>
      </c>
      <c r="E37" s="57" t="s">
        <v>22</v>
      </c>
    </row>
    <row r="38" spans="1:5" x14ac:dyDescent="0.2">
      <c r="A38" s="55" t="s">
        <v>260</v>
      </c>
      <c r="B38" s="56" t="s">
        <v>261</v>
      </c>
      <c r="C38" s="56" t="s">
        <v>379</v>
      </c>
      <c r="D38" s="55" t="s">
        <v>262</v>
      </c>
      <c r="E38" s="57" t="s">
        <v>22</v>
      </c>
    </row>
    <row r="39" spans="1:5" x14ac:dyDescent="0.2">
      <c r="A39" s="55" t="s">
        <v>263</v>
      </c>
      <c r="B39" s="56" t="s">
        <v>261</v>
      </c>
      <c r="C39" s="56" t="s">
        <v>380</v>
      </c>
      <c r="D39" s="55" t="s">
        <v>264</v>
      </c>
      <c r="E39" s="57" t="s">
        <v>22</v>
      </c>
    </row>
    <row r="40" spans="1:5" x14ac:dyDescent="0.2">
      <c r="A40" s="55" t="s">
        <v>265</v>
      </c>
      <c r="B40" s="56" t="s">
        <v>266</v>
      </c>
      <c r="C40" s="56" t="s">
        <v>381</v>
      </c>
      <c r="D40" s="55" t="s">
        <v>267</v>
      </c>
      <c r="E40" s="57" t="s">
        <v>22</v>
      </c>
    </row>
    <row r="41" spans="1:5" x14ac:dyDescent="0.2">
      <c r="A41" s="55" t="s">
        <v>268</v>
      </c>
      <c r="B41" s="56" t="s">
        <v>269</v>
      </c>
      <c r="C41" s="56" t="s">
        <v>382</v>
      </c>
      <c r="D41" s="55" t="s">
        <v>270</v>
      </c>
      <c r="E41" s="57" t="s">
        <v>22</v>
      </c>
    </row>
    <row r="42" spans="1:5" x14ac:dyDescent="0.2">
      <c r="A42" s="55" t="s">
        <v>271</v>
      </c>
      <c r="B42" s="56" t="s">
        <v>272</v>
      </c>
      <c r="C42" s="56" t="s">
        <v>273</v>
      </c>
      <c r="D42" s="55" t="s">
        <v>274</v>
      </c>
      <c r="E42" s="57" t="s">
        <v>22</v>
      </c>
    </row>
    <row r="43" spans="1:5" x14ac:dyDescent="0.2">
      <c r="A43" s="55" t="s">
        <v>275</v>
      </c>
      <c r="B43" s="56" t="s">
        <v>346</v>
      </c>
      <c r="C43" s="56" t="s">
        <v>383</v>
      </c>
      <c r="D43" s="55" t="s">
        <v>276</v>
      </c>
      <c r="E43" s="57" t="s">
        <v>22</v>
      </c>
    </row>
    <row r="44" spans="1:5" x14ac:dyDescent="0.2">
      <c r="A44" s="55" t="s">
        <v>277</v>
      </c>
      <c r="B44" s="56" t="s">
        <v>278</v>
      </c>
      <c r="C44" s="56" t="s">
        <v>384</v>
      </c>
      <c r="D44" s="55" t="s">
        <v>176</v>
      </c>
      <c r="E44" s="57" t="s">
        <v>22</v>
      </c>
    </row>
    <row r="45" spans="1:5" x14ac:dyDescent="0.2">
      <c r="A45" s="55" t="s">
        <v>279</v>
      </c>
      <c r="B45" s="56" t="s">
        <v>280</v>
      </c>
      <c r="C45" s="56" t="s">
        <v>385</v>
      </c>
      <c r="D45" s="55" t="s">
        <v>177</v>
      </c>
      <c r="E45" s="57" t="s">
        <v>22</v>
      </c>
    </row>
    <row r="46" spans="1:5" x14ac:dyDescent="0.2">
      <c r="A46" s="55" t="s">
        <v>281</v>
      </c>
      <c r="B46" s="56" t="s">
        <v>282</v>
      </c>
      <c r="C46" s="56" t="s">
        <v>386</v>
      </c>
      <c r="D46" s="55" t="s">
        <v>178</v>
      </c>
      <c r="E46" s="57" t="s">
        <v>22</v>
      </c>
    </row>
    <row r="47" spans="1:5" x14ac:dyDescent="0.2">
      <c r="A47" s="55" t="s">
        <v>283</v>
      </c>
      <c r="B47" s="56" t="s">
        <v>284</v>
      </c>
      <c r="C47" s="56" t="s">
        <v>387</v>
      </c>
      <c r="D47" s="55" t="s">
        <v>285</v>
      </c>
      <c r="E47" s="57" t="s">
        <v>22</v>
      </c>
    </row>
    <row r="48" spans="1:5" x14ac:dyDescent="0.2">
      <c r="A48" s="55" t="s">
        <v>286</v>
      </c>
      <c r="B48" s="56" t="s">
        <v>287</v>
      </c>
      <c r="C48" s="56" t="s">
        <v>388</v>
      </c>
      <c r="D48" s="55" t="s">
        <v>288</v>
      </c>
      <c r="E48" s="57" t="s">
        <v>22</v>
      </c>
    </row>
    <row r="49" spans="1:5" x14ac:dyDescent="0.2">
      <c r="A49" s="55" t="s">
        <v>289</v>
      </c>
      <c r="B49" s="56" t="s">
        <v>290</v>
      </c>
      <c r="C49" s="56" t="s">
        <v>389</v>
      </c>
      <c r="D49" s="55" t="s">
        <v>291</v>
      </c>
      <c r="E49" s="57" t="s">
        <v>22</v>
      </c>
    </row>
    <row r="50" spans="1:5" x14ac:dyDescent="0.2">
      <c r="A50" s="55" t="s">
        <v>121</v>
      </c>
      <c r="B50" s="56" t="s">
        <v>292</v>
      </c>
      <c r="C50" s="56" t="s">
        <v>293</v>
      </c>
      <c r="D50" s="55" t="s">
        <v>185</v>
      </c>
      <c r="E50" s="57" t="s">
        <v>22</v>
      </c>
    </row>
    <row r="51" spans="1:5" x14ac:dyDescent="0.2">
      <c r="A51" s="55" t="s">
        <v>122</v>
      </c>
      <c r="B51" s="56" t="s">
        <v>294</v>
      </c>
      <c r="C51" s="56" t="s">
        <v>390</v>
      </c>
      <c r="D51" s="55" t="s">
        <v>186</v>
      </c>
      <c r="E51" s="57" t="s">
        <v>22</v>
      </c>
    </row>
    <row r="52" spans="1:5" x14ac:dyDescent="0.2">
      <c r="A52" s="55" t="s">
        <v>123</v>
      </c>
      <c r="B52" s="56" t="s">
        <v>295</v>
      </c>
      <c r="C52" s="56" t="s">
        <v>391</v>
      </c>
      <c r="D52" s="55" t="s">
        <v>187</v>
      </c>
      <c r="E52" s="57" t="s">
        <v>22</v>
      </c>
    </row>
    <row r="53" spans="1:5" x14ac:dyDescent="0.2">
      <c r="A53" s="55" t="s">
        <v>124</v>
      </c>
      <c r="B53" s="56" t="s">
        <v>292</v>
      </c>
      <c r="C53" s="56" t="s">
        <v>296</v>
      </c>
      <c r="D53" s="55" t="s">
        <v>188</v>
      </c>
      <c r="E53" s="57" t="s">
        <v>22</v>
      </c>
    </row>
    <row r="54" spans="1:5" x14ac:dyDescent="0.2">
      <c r="A54" s="55" t="s">
        <v>125</v>
      </c>
      <c r="B54" s="56" t="s">
        <v>294</v>
      </c>
      <c r="C54" s="56" t="s">
        <v>297</v>
      </c>
      <c r="D54" s="55" t="s">
        <v>189</v>
      </c>
      <c r="E54" s="57" t="s">
        <v>22</v>
      </c>
    </row>
    <row r="55" spans="1:5" x14ac:dyDescent="0.2">
      <c r="A55" s="55" t="s">
        <v>126</v>
      </c>
      <c r="B55" s="56" t="s">
        <v>295</v>
      </c>
      <c r="C55" s="56" t="s">
        <v>298</v>
      </c>
      <c r="D55" s="55" t="s">
        <v>190</v>
      </c>
      <c r="E55" s="57" t="s">
        <v>22</v>
      </c>
    </row>
    <row r="56" spans="1:5" x14ac:dyDescent="0.2">
      <c r="A56" s="55" t="s">
        <v>127</v>
      </c>
      <c r="B56" s="56" t="s">
        <v>299</v>
      </c>
      <c r="C56" s="56" t="s">
        <v>392</v>
      </c>
      <c r="D56" s="55" t="s">
        <v>191</v>
      </c>
      <c r="E56" s="57" t="s">
        <v>22</v>
      </c>
    </row>
    <row r="57" spans="1:5" x14ac:dyDescent="0.2">
      <c r="A57" s="55" t="s">
        <v>128</v>
      </c>
      <c r="B57" s="56" t="s">
        <v>299</v>
      </c>
      <c r="C57" s="56" t="s">
        <v>393</v>
      </c>
      <c r="D57" s="55" t="s">
        <v>192</v>
      </c>
      <c r="E57" s="57" t="s">
        <v>22</v>
      </c>
    </row>
    <row r="58" spans="1:5" x14ac:dyDescent="0.2">
      <c r="A58" s="55" t="s">
        <v>300</v>
      </c>
      <c r="B58" s="56" t="s">
        <v>301</v>
      </c>
      <c r="C58" s="56" t="s">
        <v>394</v>
      </c>
      <c r="D58" s="55" t="s">
        <v>302</v>
      </c>
      <c r="E58" s="57" t="s">
        <v>22</v>
      </c>
    </row>
    <row r="59" spans="1:5" x14ac:dyDescent="0.2">
      <c r="A59" s="55" t="s">
        <v>43</v>
      </c>
      <c r="B59" s="56" t="s">
        <v>77</v>
      </c>
      <c r="C59" s="56" t="s">
        <v>395</v>
      </c>
      <c r="D59" s="55" t="s">
        <v>154</v>
      </c>
      <c r="E59" s="57" t="s">
        <v>22</v>
      </c>
    </row>
    <row r="60" spans="1:5" x14ac:dyDescent="0.2">
      <c r="A60" s="55" t="s">
        <v>24</v>
      </c>
      <c r="B60" s="56" t="s">
        <v>303</v>
      </c>
      <c r="C60" s="56" t="s">
        <v>396</v>
      </c>
      <c r="D60" s="55" t="s">
        <v>154</v>
      </c>
      <c r="E60" s="57" t="s">
        <v>22</v>
      </c>
    </row>
    <row r="61" spans="1:5" x14ac:dyDescent="0.2">
      <c r="A61" s="55" t="s">
        <v>47</v>
      </c>
      <c r="B61" s="56" t="s">
        <v>347</v>
      </c>
      <c r="C61" s="56" t="s">
        <v>397</v>
      </c>
      <c r="D61" s="55" t="s">
        <v>155</v>
      </c>
      <c r="E61" s="57" t="s">
        <v>22</v>
      </c>
    </row>
    <row r="62" spans="1:5" x14ac:dyDescent="0.2">
      <c r="A62" s="55" t="s">
        <v>76</v>
      </c>
      <c r="B62" s="56" t="s">
        <v>77</v>
      </c>
      <c r="C62" s="56" t="s">
        <v>398</v>
      </c>
      <c r="D62" s="55" t="s">
        <v>157</v>
      </c>
      <c r="E62" s="57" t="s">
        <v>22</v>
      </c>
    </row>
    <row r="63" spans="1:5" x14ac:dyDescent="0.2">
      <c r="A63" s="55" t="s">
        <v>49</v>
      </c>
      <c r="B63" s="56" t="s">
        <v>197</v>
      </c>
      <c r="C63" s="56" t="s">
        <v>87</v>
      </c>
      <c r="D63" s="55" t="s">
        <v>156</v>
      </c>
      <c r="E63" s="57" t="s">
        <v>22</v>
      </c>
    </row>
    <row r="64" spans="1:5" x14ac:dyDescent="0.2">
      <c r="A64" s="55" t="s">
        <v>132</v>
      </c>
      <c r="B64" s="56" t="s">
        <v>348</v>
      </c>
      <c r="C64" s="56" t="s">
        <v>78</v>
      </c>
      <c r="D64" s="55" t="s">
        <v>158</v>
      </c>
      <c r="E64" s="57" t="s">
        <v>21</v>
      </c>
    </row>
    <row r="65" spans="1:5" x14ac:dyDescent="0.2">
      <c r="A65" s="55" t="s">
        <v>304</v>
      </c>
      <c r="B65" s="56" t="s">
        <v>349</v>
      </c>
      <c r="C65" s="56" t="s">
        <v>399</v>
      </c>
      <c r="D65" s="55" t="s">
        <v>157</v>
      </c>
      <c r="E65" s="57" t="s">
        <v>22</v>
      </c>
    </row>
    <row r="66" spans="1:5" x14ac:dyDescent="0.2">
      <c r="A66" s="55" t="s">
        <v>305</v>
      </c>
      <c r="B66" s="56" t="s">
        <v>306</v>
      </c>
      <c r="C66" s="56" t="s">
        <v>400</v>
      </c>
      <c r="D66" s="55" t="s">
        <v>157</v>
      </c>
      <c r="E66" s="57" t="s">
        <v>22</v>
      </c>
    </row>
    <row r="67" spans="1:5" x14ac:dyDescent="0.2">
      <c r="A67" s="55" t="s">
        <v>28</v>
      </c>
      <c r="B67" s="56" t="s">
        <v>77</v>
      </c>
      <c r="C67" s="56" t="s">
        <v>401</v>
      </c>
      <c r="D67" s="55" t="s">
        <v>307</v>
      </c>
      <c r="E67" s="57" t="s">
        <v>22</v>
      </c>
    </row>
    <row r="68" spans="1:5" x14ac:dyDescent="0.2">
      <c r="A68" s="55" t="s">
        <v>29</v>
      </c>
      <c r="B68" s="56" t="s">
        <v>80</v>
      </c>
      <c r="C68" s="56" t="s">
        <v>402</v>
      </c>
      <c r="D68" s="55" t="s">
        <v>308</v>
      </c>
      <c r="E68" s="57" t="s">
        <v>21</v>
      </c>
    </row>
    <row r="69" spans="1:5" x14ac:dyDescent="0.2">
      <c r="A69" s="55" t="s">
        <v>81</v>
      </c>
      <c r="B69" s="56" t="s">
        <v>97</v>
      </c>
      <c r="C69" s="56" t="s">
        <v>403</v>
      </c>
      <c r="D69" s="55" t="s">
        <v>162</v>
      </c>
      <c r="E69" s="57" t="s">
        <v>20</v>
      </c>
    </row>
    <row r="70" spans="1:5" x14ac:dyDescent="0.2">
      <c r="A70" s="55" t="s">
        <v>82</v>
      </c>
      <c r="B70" s="56" t="s">
        <v>97</v>
      </c>
      <c r="C70" s="56" t="s">
        <v>404</v>
      </c>
      <c r="D70" s="55" t="s">
        <v>161</v>
      </c>
      <c r="E70" s="57" t="s">
        <v>20</v>
      </c>
    </row>
    <row r="71" spans="1:5" x14ac:dyDescent="0.2">
      <c r="A71" s="55" t="s">
        <v>83</v>
      </c>
      <c r="B71" s="56" t="s">
        <v>97</v>
      </c>
      <c r="C71" s="56" t="s">
        <v>405</v>
      </c>
      <c r="D71" s="55" t="s">
        <v>151</v>
      </c>
      <c r="E71" s="57" t="s">
        <v>20</v>
      </c>
    </row>
    <row r="72" spans="1:5" x14ac:dyDescent="0.2">
      <c r="A72" s="55" t="s">
        <v>84</v>
      </c>
      <c r="B72" s="56" t="s">
        <v>97</v>
      </c>
      <c r="C72" s="56" t="s">
        <v>134</v>
      </c>
      <c r="D72" s="55" t="s">
        <v>152</v>
      </c>
      <c r="E72" s="57" t="s">
        <v>20</v>
      </c>
    </row>
    <row r="73" spans="1:5" x14ac:dyDescent="0.2">
      <c r="A73" s="55" t="s">
        <v>66</v>
      </c>
      <c r="B73" s="56" t="s">
        <v>77</v>
      </c>
      <c r="C73" s="56" t="s">
        <v>406</v>
      </c>
      <c r="D73" s="55" t="s">
        <v>140</v>
      </c>
      <c r="E73" s="57" t="s">
        <v>22</v>
      </c>
    </row>
    <row r="74" spans="1:5" x14ac:dyDescent="0.2">
      <c r="A74" s="55" t="s">
        <v>67</v>
      </c>
      <c r="B74" s="56" t="s">
        <v>80</v>
      </c>
      <c r="C74" s="56" t="s">
        <v>407</v>
      </c>
      <c r="D74" s="55" t="s">
        <v>309</v>
      </c>
      <c r="E74" s="57" t="s">
        <v>21</v>
      </c>
    </row>
    <row r="75" spans="1:5" x14ac:dyDescent="0.2">
      <c r="A75" s="55" t="s">
        <v>85</v>
      </c>
      <c r="B75" s="56" t="s">
        <v>97</v>
      </c>
      <c r="C75" s="56" t="s">
        <v>408</v>
      </c>
      <c r="D75" s="55" t="s">
        <v>142</v>
      </c>
      <c r="E75" s="57" t="s">
        <v>20</v>
      </c>
    </row>
    <row r="76" spans="1:5" x14ac:dyDescent="0.2">
      <c r="A76" s="55" t="s">
        <v>86</v>
      </c>
      <c r="B76" s="56" t="s">
        <v>97</v>
      </c>
      <c r="C76" s="56" t="s">
        <v>135</v>
      </c>
      <c r="D76" s="55" t="s">
        <v>146</v>
      </c>
      <c r="E76" s="57" t="s">
        <v>20</v>
      </c>
    </row>
    <row r="77" spans="1:5" x14ac:dyDescent="0.2">
      <c r="A77" s="55" t="s">
        <v>30</v>
      </c>
      <c r="B77" s="56" t="s">
        <v>88</v>
      </c>
      <c r="C77" s="56" t="s">
        <v>409</v>
      </c>
      <c r="D77" s="55" t="s">
        <v>157</v>
      </c>
      <c r="E77" s="57" t="s">
        <v>22</v>
      </c>
    </row>
    <row r="78" spans="1:5" x14ac:dyDescent="0.2">
      <c r="A78" s="55" t="s">
        <v>92</v>
      </c>
      <c r="B78" s="56" t="s">
        <v>77</v>
      </c>
      <c r="C78" s="56" t="s">
        <v>410</v>
      </c>
      <c r="D78" s="55" t="s">
        <v>163</v>
      </c>
      <c r="E78" s="57" t="s">
        <v>22</v>
      </c>
    </row>
    <row r="79" spans="1:5" x14ac:dyDescent="0.2">
      <c r="A79" s="55" t="s">
        <v>93</v>
      </c>
      <c r="B79" s="56" t="s">
        <v>80</v>
      </c>
      <c r="C79" s="56" t="s">
        <v>411</v>
      </c>
      <c r="D79" s="55" t="s">
        <v>165</v>
      </c>
      <c r="E79" s="57" t="s">
        <v>21</v>
      </c>
    </row>
    <row r="80" spans="1:5" x14ac:dyDescent="0.2">
      <c r="A80" s="55" t="s">
        <v>79</v>
      </c>
      <c r="B80" s="56" t="s">
        <v>80</v>
      </c>
      <c r="C80" s="56" t="s">
        <v>412</v>
      </c>
      <c r="D80" s="55" t="s">
        <v>164</v>
      </c>
      <c r="E80" s="57" t="s">
        <v>21</v>
      </c>
    </row>
    <row r="81" spans="1:5" x14ac:dyDescent="0.2">
      <c r="A81" s="55" t="s">
        <v>94</v>
      </c>
      <c r="B81" s="56" t="s">
        <v>4</v>
      </c>
      <c r="C81" s="56" t="s">
        <v>413</v>
      </c>
      <c r="D81" s="55" t="s">
        <v>169</v>
      </c>
      <c r="E81" s="57" t="s">
        <v>22</v>
      </c>
    </row>
    <row r="82" spans="1:5" x14ac:dyDescent="0.2">
      <c r="A82" s="55" t="s">
        <v>310</v>
      </c>
      <c r="B82" s="56" t="s">
        <v>311</v>
      </c>
      <c r="C82" s="56" t="s">
        <v>414</v>
      </c>
      <c r="D82" s="55" t="s">
        <v>168</v>
      </c>
      <c r="E82" s="57" t="s">
        <v>22</v>
      </c>
    </row>
    <row r="83" spans="1:5" x14ac:dyDescent="0.2">
      <c r="A83" s="55" t="s">
        <v>140</v>
      </c>
      <c r="B83" s="56" t="s">
        <v>77</v>
      </c>
      <c r="C83" s="56" t="s">
        <v>415</v>
      </c>
      <c r="D83" s="55" t="s">
        <v>66</v>
      </c>
      <c r="E83" s="57" t="s">
        <v>22</v>
      </c>
    </row>
    <row r="84" spans="1:5" x14ac:dyDescent="0.2">
      <c r="A84" s="55" t="s">
        <v>141</v>
      </c>
      <c r="B84" s="56" t="s">
        <v>80</v>
      </c>
      <c r="C84" s="56" t="s">
        <v>416</v>
      </c>
      <c r="D84" s="55" t="s">
        <v>312</v>
      </c>
      <c r="E84" s="57" t="s">
        <v>21</v>
      </c>
    </row>
    <row r="85" spans="1:5" x14ac:dyDescent="0.2">
      <c r="A85" s="55" t="s">
        <v>142</v>
      </c>
      <c r="B85" s="56" t="s">
        <v>97</v>
      </c>
      <c r="C85" s="56" t="s">
        <v>313</v>
      </c>
      <c r="D85" s="55" t="s">
        <v>85</v>
      </c>
      <c r="E85" s="57" t="s">
        <v>20</v>
      </c>
    </row>
    <row r="86" spans="1:5" x14ac:dyDescent="0.2">
      <c r="A86" s="55" t="s">
        <v>146</v>
      </c>
      <c r="B86" s="56" t="s">
        <v>97</v>
      </c>
      <c r="C86" s="56" t="s">
        <v>147</v>
      </c>
      <c r="D86" s="55" t="s">
        <v>86</v>
      </c>
      <c r="E86" s="57" t="s">
        <v>20</v>
      </c>
    </row>
    <row r="87" spans="1:5" x14ac:dyDescent="0.2">
      <c r="A87" s="55" t="s">
        <v>148</v>
      </c>
      <c r="B87" s="56" t="s">
        <v>337</v>
      </c>
      <c r="C87" s="56" t="s">
        <v>417</v>
      </c>
      <c r="D87" s="55" t="s">
        <v>102</v>
      </c>
      <c r="E87" s="57" t="s">
        <v>22</v>
      </c>
    </row>
    <row r="88" spans="1:5" x14ac:dyDescent="0.2">
      <c r="A88" s="55" t="s">
        <v>149</v>
      </c>
      <c r="B88" s="56" t="s">
        <v>70</v>
      </c>
      <c r="C88" s="56" t="s">
        <v>418</v>
      </c>
      <c r="D88" s="55" t="s">
        <v>39</v>
      </c>
      <c r="E88" s="57" t="s">
        <v>22</v>
      </c>
    </row>
    <row r="89" spans="1:5" x14ac:dyDescent="0.2">
      <c r="A89" s="55" t="s">
        <v>150</v>
      </c>
      <c r="B89" s="56" t="s">
        <v>70</v>
      </c>
      <c r="C89" s="56" t="s">
        <v>419</v>
      </c>
      <c r="D89" s="55" t="s">
        <v>69</v>
      </c>
      <c r="E89" s="57" t="s">
        <v>22</v>
      </c>
    </row>
    <row r="90" spans="1:5" x14ac:dyDescent="0.2">
      <c r="A90" s="55" t="s">
        <v>151</v>
      </c>
      <c r="B90" s="56" t="s">
        <v>133</v>
      </c>
      <c r="C90" s="56" t="s">
        <v>420</v>
      </c>
      <c r="D90" s="55" t="s">
        <v>83</v>
      </c>
      <c r="E90" s="57" t="s">
        <v>20</v>
      </c>
    </row>
    <row r="91" spans="1:5" x14ac:dyDescent="0.2">
      <c r="A91" s="55" t="s">
        <v>152</v>
      </c>
      <c r="B91" s="56" t="s">
        <v>350</v>
      </c>
      <c r="C91" s="56" t="s">
        <v>153</v>
      </c>
      <c r="D91" s="55" t="s">
        <v>84</v>
      </c>
      <c r="E91" s="57" t="s">
        <v>20</v>
      </c>
    </row>
    <row r="92" spans="1:5" x14ac:dyDescent="0.2">
      <c r="A92" s="55" t="s">
        <v>154</v>
      </c>
      <c r="B92" s="56" t="s">
        <v>351</v>
      </c>
      <c r="C92" s="56" t="s">
        <v>421</v>
      </c>
      <c r="D92" s="55" t="s">
        <v>43</v>
      </c>
      <c r="E92" s="57" t="s">
        <v>22</v>
      </c>
    </row>
    <row r="93" spans="1:5" x14ac:dyDescent="0.2">
      <c r="A93" s="55" t="s">
        <v>155</v>
      </c>
      <c r="B93" s="56" t="s">
        <v>314</v>
      </c>
      <c r="C93" s="56" t="s">
        <v>315</v>
      </c>
      <c r="D93" s="55" t="s">
        <v>47</v>
      </c>
      <c r="E93" s="57" t="s">
        <v>22</v>
      </c>
    </row>
    <row r="94" spans="1:5" x14ac:dyDescent="0.2">
      <c r="A94" s="55" t="s">
        <v>156</v>
      </c>
      <c r="B94" s="56" t="s">
        <v>197</v>
      </c>
      <c r="C94" s="56" t="s">
        <v>422</v>
      </c>
      <c r="D94" s="55" t="s">
        <v>49</v>
      </c>
      <c r="E94" s="57" t="s">
        <v>22</v>
      </c>
    </row>
    <row r="95" spans="1:5" x14ac:dyDescent="0.2">
      <c r="A95" s="55" t="s">
        <v>157</v>
      </c>
      <c r="B95" s="56" t="s">
        <v>77</v>
      </c>
      <c r="C95" s="56" t="s">
        <v>423</v>
      </c>
      <c r="D95" s="55" t="s">
        <v>76</v>
      </c>
      <c r="E95" s="57" t="s">
        <v>22</v>
      </c>
    </row>
    <row r="96" spans="1:5" x14ac:dyDescent="0.2">
      <c r="A96" s="55" t="s">
        <v>158</v>
      </c>
      <c r="B96" s="56" t="s">
        <v>80</v>
      </c>
      <c r="C96" s="56" t="s">
        <v>424</v>
      </c>
      <c r="D96" s="55" t="s">
        <v>132</v>
      </c>
      <c r="E96" s="57" t="s">
        <v>21</v>
      </c>
    </row>
    <row r="97" spans="1:5" x14ac:dyDescent="0.2">
      <c r="A97" s="55" t="s">
        <v>302</v>
      </c>
      <c r="B97" s="56" t="s">
        <v>352</v>
      </c>
      <c r="C97" s="56" t="s">
        <v>425</v>
      </c>
      <c r="D97" s="55" t="s">
        <v>300</v>
      </c>
      <c r="E97" s="57" t="s">
        <v>22</v>
      </c>
    </row>
    <row r="98" spans="1:5" x14ac:dyDescent="0.2">
      <c r="A98" s="55" t="s">
        <v>316</v>
      </c>
      <c r="B98" s="56" t="s">
        <v>80</v>
      </c>
      <c r="C98" s="56" t="s">
        <v>426</v>
      </c>
      <c r="D98" s="55" t="s">
        <v>317</v>
      </c>
      <c r="E98" s="57" t="s">
        <v>21</v>
      </c>
    </row>
    <row r="99" spans="1:5" x14ac:dyDescent="0.2">
      <c r="A99" s="55" t="s">
        <v>159</v>
      </c>
      <c r="B99" s="56" t="s">
        <v>77</v>
      </c>
      <c r="C99" s="56" t="s">
        <v>427</v>
      </c>
      <c r="D99" s="55" t="s">
        <v>28</v>
      </c>
      <c r="E99" s="57" t="s">
        <v>22</v>
      </c>
    </row>
    <row r="100" spans="1:5" x14ac:dyDescent="0.2">
      <c r="A100" s="55" t="s">
        <v>160</v>
      </c>
      <c r="B100" s="56" t="s">
        <v>80</v>
      </c>
      <c r="C100" s="56" t="s">
        <v>428</v>
      </c>
      <c r="D100" s="55" t="s">
        <v>318</v>
      </c>
      <c r="E100" s="57" t="s">
        <v>21</v>
      </c>
    </row>
    <row r="101" spans="1:5" x14ac:dyDescent="0.2">
      <c r="A101" s="55" t="s">
        <v>161</v>
      </c>
      <c r="B101" s="56" t="s">
        <v>97</v>
      </c>
      <c r="C101" s="56" t="s">
        <v>429</v>
      </c>
      <c r="D101" s="55" t="s">
        <v>82</v>
      </c>
      <c r="E101" s="57" t="s">
        <v>20</v>
      </c>
    </row>
    <row r="102" spans="1:5" x14ac:dyDescent="0.2">
      <c r="A102" s="55" t="s">
        <v>162</v>
      </c>
      <c r="B102" s="56" t="s">
        <v>97</v>
      </c>
      <c r="C102" s="56" t="s">
        <v>430</v>
      </c>
      <c r="D102" s="55" t="s">
        <v>81</v>
      </c>
      <c r="E102" s="57" t="s">
        <v>20</v>
      </c>
    </row>
    <row r="103" spans="1:5" x14ac:dyDescent="0.2">
      <c r="A103" s="55" t="s">
        <v>163</v>
      </c>
      <c r="B103" s="56" t="s">
        <v>77</v>
      </c>
      <c r="C103" s="56" t="s">
        <v>431</v>
      </c>
      <c r="D103" s="55" t="s">
        <v>92</v>
      </c>
      <c r="E103" s="57" t="s">
        <v>22</v>
      </c>
    </row>
    <row r="104" spans="1:5" x14ac:dyDescent="0.2">
      <c r="A104" s="55" t="s">
        <v>164</v>
      </c>
      <c r="B104" s="56" t="s">
        <v>80</v>
      </c>
      <c r="C104" s="56" t="s">
        <v>432</v>
      </c>
      <c r="D104" s="55" t="s">
        <v>79</v>
      </c>
      <c r="E104" s="57" t="s">
        <v>21</v>
      </c>
    </row>
    <row r="105" spans="1:5" x14ac:dyDescent="0.2">
      <c r="A105" s="55" t="s">
        <v>165</v>
      </c>
      <c r="B105" s="56" t="s">
        <v>80</v>
      </c>
      <c r="C105" s="56" t="s">
        <v>433</v>
      </c>
      <c r="D105" s="55" t="s">
        <v>93</v>
      </c>
      <c r="E105" s="57" t="s">
        <v>21</v>
      </c>
    </row>
    <row r="106" spans="1:5" x14ac:dyDescent="0.2">
      <c r="A106" s="55" t="s">
        <v>168</v>
      </c>
      <c r="B106" s="56" t="s">
        <v>311</v>
      </c>
      <c r="C106" s="56" t="s">
        <v>434</v>
      </c>
      <c r="D106" s="55" t="s">
        <v>310</v>
      </c>
      <c r="E106" s="57" t="s">
        <v>22</v>
      </c>
    </row>
    <row r="107" spans="1:5" x14ac:dyDescent="0.2">
      <c r="A107" s="55" t="s">
        <v>169</v>
      </c>
      <c r="B107" s="56" t="s">
        <v>4</v>
      </c>
      <c r="C107" s="56" t="s">
        <v>435</v>
      </c>
      <c r="D107" s="55" t="s">
        <v>319</v>
      </c>
      <c r="E107" s="57" t="s">
        <v>22</v>
      </c>
    </row>
    <row r="108" spans="1:5" x14ac:dyDescent="0.2">
      <c r="A108" s="55" t="s">
        <v>230</v>
      </c>
      <c r="B108" s="56" t="s">
        <v>228</v>
      </c>
      <c r="C108" s="56" t="s">
        <v>436</v>
      </c>
      <c r="D108" s="55" t="s">
        <v>227</v>
      </c>
      <c r="E108" s="57" t="s">
        <v>22</v>
      </c>
    </row>
    <row r="109" spans="1:5" x14ac:dyDescent="0.2">
      <c r="A109" s="55" t="s">
        <v>205</v>
      </c>
      <c r="B109" s="56" t="s">
        <v>342</v>
      </c>
      <c r="C109" s="56" t="s">
        <v>437</v>
      </c>
      <c r="D109" s="55" t="s">
        <v>204</v>
      </c>
      <c r="E109" s="57" t="s">
        <v>22</v>
      </c>
    </row>
    <row r="110" spans="1:5" x14ac:dyDescent="0.2">
      <c r="A110" s="55" t="s">
        <v>207</v>
      </c>
      <c r="B110" s="56" t="s">
        <v>343</v>
      </c>
      <c r="C110" s="56" t="s">
        <v>438</v>
      </c>
      <c r="D110" s="55" t="s">
        <v>206</v>
      </c>
      <c r="E110" s="57" t="s">
        <v>22</v>
      </c>
    </row>
    <row r="111" spans="1:5" x14ac:dyDescent="0.2">
      <c r="A111" s="55" t="s">
        <v>170</v>
      </c>
      <c r="B111" s="56" t="s">
        <v>344</v>
      </c>
      <c r="C111" s="56" t="s">
        <v>439</v>
      </c>
      <c r="D111" s="55" t="s">
        <v>208</v>
      </c>
      <c r="E111" s="57" t="s">
        <v>22</v>
      </c>
    </row>
    <row r="112" spans="1:5" x14ac:dyDescent="0.2">
      <c r="A112" s="55" t="s">
        <v>171</v>
      </c>
      <c r="B112" s="56" t="s">
        <v>353</v>
      </c>
      <c r="C112" s="56" t="s">
        <v>440</v>
      </c>
      <c r="D112" s="55" t="s">
        <v>320</v>
      </c>
      <c r="E112" s="57" t="s">
        <v>22</v>
      </c>
    </row>
    <row r="113" spans="1:5" x14ac:dyDescent="0.2">
      <c r="A113" s="55" t="s">
        <v>210</v>
      </c>
      <c r="B113" s="56" t="s">
        <v>345</v>
      </c>
      <c r="C113" s="56" t="s">
        <v>441</v>
      </c>
      <c r="D113" s="55" t="s">
        <v>209</v>
      </c>
      <c r="E113" s="57" t="s">
        <v>22</v>
      </c>
    </row>
    <row r="114" spans="1:5" x14ac:dyDescent="0.2">
      <c r="A114" s="55" t="s">
        <v>173</v>
      </c>
      <c r="B114" s="56" t="s">
        <v>212</v>
      </c>
      <c r="C114" s="56" t="s">
        <v>442</v>
      </c>
      <c r="D114" s="55" t="s">
        <v>211</v>
      </c>
      <c r="E114" s="57" t="s">
        <v>22</v>
      </c>
    </row>
    <row r="115" spans="1:5" x14ac:dyDescent="0.2">
      <c r="A115" s="55" t="s">
        <v>174</v>
      </c>
      <c r="B115" s="56" t="s">
        <v>214</v>
      </c>
      <c r="C115" s="56" t="s">
        <v>443</v>
      </c>
      <c r="D115" s="55" t="s">
        <v>109</v>
      </c>
      <c r="E115" s="57" t="s">
        <v>22</v>
      </c>
    </row>
    <row r="116" spans="1:5" x14ac:dyDescent="0.2">
      <c r="A116" s="55" t="s">
        <v>219</v>
      </c>
      <c r="B116" s="56" t="s">
        <v>217</v>
      </c>
      <c r="C116" s="56" t="s">
        <v>444</v>
      </c>
      <c r="D116" s="55" t="s">
        <v>216</v>
      </c>
      <c r="E116" s="57" t="s">
        <v>22</v>
      </c>
    </row>
    <row r="117" spans="1:5" x14ac:dyDescent="0.2">
      <c r="A117" s="55" t="s">
        <v>224</v>
      </c>
      <c r="B117" s="56" t="s">
        <v>222</v>
      </c>
      <c r="C117" s="56" t="s">
        <v>445</v>
      </c>
      <c r="D117" s="55" t="s">
        <v>113</v>
      </c>
      <c r="E117" s="57" t="s">
        <v>22</v>
      </c>
    </row>
    <row r="118" spans="1:5" x14ac:dyDescent="0.2">
      <c r="A118" s="55" t="s">
        <v>175</v>
      </c>
      <c r="B118" s="56" t="s">
        <v>225</v>
      </c>
      <c r="C118" s="56" t="s">
        <v>446</v>
      </c>
      <c r="D118" s="55" t="s">
        <v>115</v>
      </c>
      <c r="E118" s="57" t="s">
        <v>22</v>
      </c>
    </row>
    <row r="119" spans="1:5" x14ac:dyDescent="0.2">
      <c r="A119" s="55" t="s">
        <v>176</v>
      </c>
      <c r="B119" s="56" t="s">
        <v>278</v>
      </c>
      <c r="C119" s="56" t="s">
        <v>447</v>
      </c>
      <c r="D119" s="55" t="s">
        <v>277</v>
      </c>
      <c r="E119" s="57" t="s">
        <v>22</v>
      </c>
    </row>
    <row r="120" spans="1:5" x14ac:dyDescent="0.2">
      <c r="A120" s="55" t="s">
        <v>177</v>
      </c>
      <c r="B120" s="56" t="s">
        <v>280</v>
      </c>
      <c r="C120" s="56" t="s">
        <v>448</v>
      </c>
      <c r="D120" s="55" t="s">
        <v>279</v>
      </c>
      <c r="E120" s="57" t="s">
        <v>22</v>
      </c>
    </row>
    <row r="121" spans="1:5" x14ac:dyDescent="0.2">
      <c r="A121" s="55" t="s">
        <v>178</v>
      </c>
      <c r="B121" s="56" t="s">
        <v>282</v>
      </c>
      <c r="C121" s="56" t="s">
        <v>449</v>
      </c>
      <c r="D121" s="55" t="s">
        <v>281</v>
      </c>
      <c r="E121" s="57" t="s">
        <v>22</v>
      </c>
    </row>
    <row r="122" spans="1:5" x14ac:dyDescent="0.2">
      <c r="A122" s="55" t="s">
        <v>257</v>
      </c>
      <c r="B122" s="56" t="s">
        <v>256</v>
      </c>
      <c r="C122" s="56" t="s">
        <v>450</v>
      </c>
      <c r="D122" s="55" t="s">
        <v>255</v>
      </c>
      <c r="E122" s="57" t="s">
        <v>22</v>
      </c>
    </row>
    <row r="123" spans="1:5" x14ac:dyDescent="0.2">
      <c r="A123" s="55" t="s">
        <v>179</v>
      </c>
      <c r="B123" s="56" t="s">
        <v>321</v>
      </c>
      <c r="C123" s="56" t="s">
        <v>451</v>
      </c>
      <c r="D123" s="55" t="s">
        <v>258</v>
      </c>
      <c r="E123" s="57" t="s">
        <v>22</v>
      </c>
    </row>
    <row r="124" spans="1:5" x14ac:dyDescent="0.2">
      <c r="A124" s="55" t="s">
        <v>262</v>
      </c>
      <c r="B124" s="56" t="s">
        <v>261</v>
      </c>
      <c r="C124" s="56" t="s">
        <v>452</v>
      </c>
      <c r="D124" s="55" t="s">
        <v>260</v>
      </c>
      <c r="E124" s="57" t="s">
        <v>22</v>
      </c>
    </row>
    <row r="125" spans="1:5" x14ac:dyDescent="0.2">
      <c r="A125" s="55" t="s">
        <v>264</v>
      </c>
      <c r="B125" s="56" t="s">
        <v>261</v>
      </c>
      <c r="C125" s="56" t="s">
        <v>322</v>
      </c>
      <c r="D125" s="55" t="s">
        <v>263</v>
      </c>
      <c r="E125" s="57" t="s">
        <v>22</v>
      </c>
    </row>
    <row r="126" spans="1:5" x14ac:dyDescent="0.2">
      <c r="A126" s="55" t="s">
        <v>221</v>
      </c>
      <c r="B126" s="56" t="s">
        <v>323</v>
      </c>
      <c r="C126" s="56" t="s">
        <v>324</v>
      </c>
      <c r="D126" s="55" t="s">
        <v>111</v>
      </c>
      <c r="E126" s="57" t="s">
        <v>22</v>
      </c>
    </row>
    <row r="127" spans="1:5" x14ac:dyDescent="0.2">
      <c r="A127" s="55" t="s">
        <v>254</v>
      </c>
      <c r="B127" s="56" t="s">
        <v>253</v>
      </c>
      <c r="C127" s="56" t="s">
        <v>325</v>
      </c>
      <c r="D127" s="55" t="s">
        <v>252</v>
      </c>
      <c r="E127" s="57" t="s">
        <v>22</v>
      </c>
    </row>
    <row r="128" spans="1:5" x14ac:dyDescent="0.2">
      <c r="A128" s="55" t="s">
        <v>193</v>
      </c>
      <c r="B128" s="56" t="s">
        <v>339</v>
      </c>
      <c r="C128" s="56" t="s">
        <v>453</v>
      </c>
      <c r="D128" s="55" t="s">
        <v>198</v>
      </c>
      <c r="E128" s="57" t="s">
        <v>22</v>
      </c>
    </row>
    <row r="129" spans="1:5" x14ac:dyDescent="0.2">
      <c r="A129" s="55" t="s">
        <v>180</v>
      </c>
      <c r="B129" s="56" t="s">
        <v>340</v>
      </c>
      <c r="C129" s="56" t="s">
        <v>454</v>
      </c>
      <c r="D129" s="55" t="s">
        <v>199</v>
      </c>
      <c r="E129" s="57" t="s">
        <v>22</v>
      </c>
    </row>
    <row r="130" spans="1:5" x14ac:dyDescent="0.2">
      <c r="A130" s="55" t="s">
        <v>201</v>
      </c>
      <c r="B130" s="56" t="s">
        <v>341</v>
      </c>
      <c r="C130" s="56" t="s">
        <v>455</v>
      </c>
      <c r="D130" s="55" t="s">
        <v>200</v>
      </c>
      <c r="E130" s="57" t="s">
        <v>22</v>
      </c>
    </row>
    <row r="131" spans="1:5" x14ac:dyDescent="0.2">
      <c r="A131" s="55" t="s">
        <v>203</v>
      </c>
      <c r="B131" s="56" t="s">
        <v>202</v>
      </c>
      <c r="C131" s="56" t="s">
        <v>456</v>
      </c>
      <c r="D131" s="55" t="s">
        <v>104</v>
      </c>
      <c r="E131" s="57" t="s">
        <v>22</v>
      </c>
    </row>
    <row r="132" spans="1:5" x14ac:dyDescent="0.2">
      <c r="A132" s="55" t="s">
        <v>326</v>
      </c>
      <c r="B132" s="56" t="s">
        <v>354</v>
      </c>
      <c r="C132" s="56" t="s">
        <v>457</v>
      </c>
      <c r="D132" s="55" t="s">
        <v>103</v>
      </c>
      <c r="E132" s="57" t="s">
        <v>22</v>
      </c>
    </row>
    <row r="133" spans="1:5" x14ac:dyDescent="0.2">
      <c r="A133" s="55" t="s">
        <v>276</v>
      </c>
      <c r="B133" s="56" t="s">
        <v>346</v>
      </c>
      <c r="C133" s="56" t="s">
        <v>458</v>
      </c>
      <c r="D133" s="55" t="s">
        <v>275</v>
      </c>
      <c r="E133" s="57" t="s">
        <v>22</v>
      </c>
    </row>
    <row r="134" spans="1:5" x14ac:dyDescent="0.2">
      <c r="A134" s="55" t="s">
        <v>285</v>
      </c>
      <c r="B134" s="56" t="s">
        <v>284</v>
      </c>
      <c r="C134" s="56" t="s">
        <v>459</v>
      </c>
      <c r="D134" s="55" t="s">
        <v>283</v>
      </c>
      <c r="E134" s="57" t="s">
        <v>22</v>
      </c>
    </row>
    <row r="135" spans="1:5" x14ac:dyDescent="0.2">
      <c r="A135" s="55" t="s">
        <v>288</v>
      </c>
      <c r="B135" s="56" t="s">
        <v>287</v>
      </c>
      <c r="C135" s="56" t="s">
        <v>460</v>
      </c>
      <c r="D135" s="55" t="s">
        <v>286</v>
      </c>
      <c r="E135" s="57" t="s">
        <v>22</v>
      </c>
    </row>
    <row r="136" spans="1:5" x14ac:dyDescent="0.2">
      <c r="A136" s="55" t="s">
        <v>291</v>
      </c>
      <c r="B136" s="56" t="s">
        <v>290</v>
      </c>
      <c r="C136" s="56" t="s">
        <v>461</v>
      </c>
      <c r="D136" s="55" t="s">
        <v>289</v>
      </c>
      <c r="E136" s="57" t="s">
        <v>22</v>
      </c>
    </row>
    <row r="137" spans="1:5" x14ac:dyDescent="0.2">
      <c r="A137" s="55" t="s">
        <v>233</v>
      </c>
      <c r="B137" s="56" t="s">
        <v>232</v>
      </c>
      <c r="C137" s="56" t="s">
        <v>327</v>
      </c>
      <c r="D137" s="55" t="s">
        <v>231</v>
      </c>
      <c r="E137" s="57" t="s">
        <v>22</v>
      </c>
    </row>
    <row r="138" spans="1:5" x14ac:dyDescent="0.2">
      <c r="A138" s="55" t="s">
        <v>235</v>
      </c>
      <c r="B138" s="56" t="s">
        <v>234</v>
      </c>
      <c r="C138" s="56" t="s">
        <v>328</v>
      </c>
      <c r="D138" s="55" t="s">
        <v>117</v>
      </c>
      <c r="E138" s="57" t="s">
        <v>22</v>
      </c>
    </row>
    <row r="139" spans="1:5" x14ac:dyDescent="0.2">
      <c r="A139" s="55" t="s">
        <v>237</v>
      </c>
      <c r="B139" s="56" t="s">
        <v>236</v>
      </c>
      <c r="C139" s="56" t="s">
        <v>329</v>
      </c>
      <c r="D139" s="55" t="s">
        <v>119</v>
      </c>
      <c r="E139" s="57" t="s">
        <v>22</v>
      </c>
    </row>
    <row r="140" spans="1:5" x14ac:dyDescent="0.2">
      <c r="A140" s="55" t="s">
        <v>239</v>
      </c>
      <c r="B140" s="56" t="s">
        <v>238</v>
      </c>
      <c r="C140" s="56" t="s">
        <v>330</v>
      </c>
      <c r="D140" s="55" t="s">
        <v>196</v>
      </c>
      <c r="E140" s="57" t="s">
        <v>22</v>
      </c>
    </row>
    <row r="141" spans="1:5" x14ac:dyDescent="0.2">
      <c r="A141" s="55" t="s">
        <v>243</v>
      </c>
      <c r="B141" s="56" t="s">
        <v>241</v>
      </c>
      <c r="C141" s="56" t="s">
        <v>331</v>
      </c>
      <c r="D141" s="55" t="s">
        <v>240</v>
      </c>
      <c r="E141" s="57" t="s">
        <v>22</v>
      </c>
    </row>
    <row r="142" spans="1:5" x14ac:dyDescent="0.2">
      <c r="A142" s="55" t="s">
        <v>247</v>
      </c>
      <c r="B142" s="56" t="s">
        <v>245</v>
      </c>
      <c r="C142" s="56" t="s">
        <v>332</v>
      </c>
      <c r="D142" s="55" t="s">
        <v>244</v>
      </c>
      <c r="E142" s="57" t="s">
        <v>22</v>
      </c>
    </row>
    <row r="143" spans="1:5" x14ac:dyDescent="0.2">
      <c r="A143" s="55" t="s">
        <v>251</v>
      </c>
      <c r="B143" s="56" t="s">
        <v>249</v>
      </c>
      <c r="C143" s="56" t="s">
        <v>333</v>
      </c>
      <c r="D143" s="55" t="s">
        <v>248</v>
      </c>
      <c r="E143" s="57" t="s">
        <v>22</v>
      </c>
    </row>
    <row r="144" spans="1:5" x14ac:dyDescent="0.2">
      <c r="A144" s="55" t="s">
        <v>267</v>
      </c>
      <c r="B144" s="56" t="s">
        <v>266</v>
      </c>
      <c r="C144" s="56" t="s">
        <v>462</v>
      </c>
      <c r="D144" s="55" t="s">
        <v>265</v>
      </c>
      <c r="E144" s="57" t="s">
        <v>22</v>
      </c>
    </row>
    <row r="145" spans="1:5" x14ac:dyDescent="0.2">
      <c r="A145" s="55" t="s">
        <v>270</v>
      </c>
      <c r="B145" s="56" t="s">
        <v>269</v>
      </c>
      <c r="C145" s="56" t="s">
        <v>463</v>
      </c>
      <c r="D145" s="55" t="s">
        <v>268</v>
      </c>
      <c r="E145" s="57" t="s">
        <v>22</v>
      </c>
    </row>
    <row r="146" spans="1:5" x14ac:dyDescent="0.2">
      <c r="A146" s="55" t="s">
        <v>274</v>
      </c>
      <c r="B146" s="56" t="s">
        <v>272</v>
      </c>
      <c r="C146" s="56" t="s">
        <v>464</v>
      </c>
      <c r="D146" s="55" t="s">
        <v>271</v>
      </c>
      <c r="E146" s="57" t="s">
        <v>22</v>
      </c>
    </row>
    <row r="147" spans="1:5" x14ac:dyDescent="0.2">
      <c r="A147" s="55" t="s">
        <v>185</v>
      </c>
      <c r="B147" s="56" t="s">
        <v>292</v>
      </c>
      <c r="C147" s="56" t="s">
        <v>334</v>
      </c>
      <c r="D147" s="55" t="s">
        <v>121</v>
      </c>
      <c r="E147" s="57" t="s">
        <v>22</v>
      </c>
    </row>
    <row r="148" spans="1:5" x14ac:dyDescent="0.2">
      <c r="A148" s="55" t="s">
        <v>186</v>
      </c>
      <c r="B148" s="56" t="s">
        <v>294</v>
      </c>
      <c r="C148" s="56" t="s">
        <v>465</v>
      </c>
      <c r="D148" s="55" t="s">
        <v>122</v>
      </c>
      <c r="E148" s="57" t="s">
        <v>22</v>
      </c>
    </row>
    <row r="149" spans="1:5" x14ac:dyDescent="0.2">
      <c r="A149" s="55" t="s">
        <v>187</v>
      </c>
      <c r="B149" s="56" t="s">
        <v>295</v>
      </c>
      <c r="C149" s="56" t="s">
        <v>466</v>
      </c>
      <c r="D149" s="55" t="s">
        <v>123</v>
      </c>
      <c r="E149" s="57" t="s">
        <v>22</v>
      </c>
    </row>
    <row r="150" spans="1:5" x14ac:dyDescent="0.2">
      <c r="A150" s="55" t="s">
        <v>188</v>
      </c>
      <c r="B150" s="56" t="s">
        <v>292</v>
      </c>
      <c r="C150" s="56" t="s">
        <v>467</v>
      </c>
      <c r="D150" s="55" t="s">
        <v>124</v>
      </c>
      <c r="E150" s="57" t="s">
        <v>22</v>
      </c>
    </row>
    <row r="151" spans="1:5" x14ac:dyDescent="0.2">
      <c r="A151" s="55" t="s">
        <v>189</v>
      </c>
      <c r="B151" s="56" t="s">
        <v>294</v>
      </c>
      <c r="C151" s="56" t="s">
        <v>335</v>
      </c>
      <c r="D151" s="55" t="s">
        <v>125</v>
      </c>
      <c r="E151" s="57" t="s">
        <v>22</v>
      </c>
    </row>
    <row r="152" spans="1:5" x14ac:dyDescent="0.2">
      <c r="A152" s="55" t="s">
        <v>190</v>
      </c>
      <c r="B152" s="56" t="s">
        <v>295</v>
      </c>
      <c r="C152" s="56" t="s">
        <v>336</v>
      </c>
      <c r="D152" s="55" t="s">
        <v>126</v>
      </c>
      <c r="E152" s="57" t="s">
        <v>22</v>
      </c>
    </row>
    <row r="153" spans="1:5" x14ac:dyDescent="0.2">
      <c r="A153" s="55" t="s">
        <v>191</v>
      </c>
      <c r="B153" s="56" t="s">
        <v>299</v>
      </c>
      <c r="C153" s="56" t="s">
        <v>468</v>
      </c>
      <c r="D153" s="55" t="s">
        <v>127</v>
      </c>
      <c r="E153" s="57" t="s">
        <v>22</v>
      </c>
    </row>
    <row r="154" spans="1:5" x14ac:dyDescent="0.2">
      <c r="A154" s="55" t="s">
        <v>192</v>
      </c>
      <c r="B154" s="56" t="s">
        <v>299</v>
      </c>
      <c r="C154" s="56" t="s">
        <v>469</v>
      </c>
      <c r="D154" s="55" t="s">
        <v>128</v>
      </c>
      <c r="E154" s="57" t="s">
        <v>22</v>
      </c>
    </row>
  </sheetData>
  <mergeCells count="1">
    <mergeCell ref="E3:E5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I26"/>
  <sheetViews>
    <sheetView workbookViewId="0">
      <selection sqref="A1:I1"/>
    </sheetView>
  </sheetViews>
  <sheetFormatPr defaultRowHeight="12.75" x14ac:dyDescent="0.2"/>
  <cols>
    <col min="3" max="3" width="18.140625" customWidth="1"/>
    <col min="4" max="4" width="17.42578125" customWidth="1"/>
    <col min="5" max="5" width="18.7109375" customWidth="1"/>
  </cols>
  <sheetData>
    <row r="1" spans="1:9" ht="15.75" x14ac:dyDescent="0.25">
      <c r="A1" s="63" t="s">
        <v>100</v>
      </c>
      <c r="B1" s="63"/>
      <c r="C1" s="63"/>
      <c r="D1" s="63"/>
      <c r="E1" s="63"/>
      <c r="F1" s="63"/>
      <c r="G1" s="63"/>
      <c r="H1" s="63"/>
      <c r="I1" s="63"/>
    </row>
    <row r="2" spans="1:9" ht="15.75" x14ac:dyDescent="0.25">
      <c r="A2" s="63" t="s">
        <v>12</v>
      </c>
      <c r="B2" s="63"/>
      <c r="C2" s="63"/>
      <c r="D2" s="63"/>
      <c r="E2" s="63"/>
      <c r="F2" s="63"/>
      <c r="G2" s="63"/>
      <c r="H2" s="63"/>
      <c r="I2" s="63"/>
    </row>
    <row r="3" spans="1:9" ht="15.75" x14ac:dyDescent="0.25">
      <c r="A3" s="63" t="s">
        <v>68</v>
      </c>
      <c r="B3" s="63"/>
      <c r="C3" s="63"/>
      <c r="D3" s="63"/>
      <c r="E3" s="63"/>
      <c r="F3" s="63"/>
      <c r="G3" s="63"/>
      <c r="H3" s="63"/>
      <c r="I3" s="63"/>
    </row>
    <row r="5" spans="1:9" s="23" customFormat="1" x14ac:dyDescent="0.2">
      <c r="A5" s="22" t="s">
        <v>13</v>
      </c>
    </row>
    <row r="6" spans="1:9" s="23" customFormat="1" x14ac:dyDescent="0.2">
      <c r="A6" s="22" t="s">
        <v>14</v>
      </c>
      <c r="B6" s="22"/>
      <c r="C6" s="22"/>
      <c r="D6" s="22"/>
      <c r="E6" s="22"/>
      <c r="F6" s="22"/>
      <c r="G6" s="22"/>
      <c r="H6" s="22"/>
      <c r="I6" s="22"/>
    </row>
    <row r="7" spans="1:9" s="23" customFormat="1" x14ac:dyDescent="0.2">
      <c r="A7" s="22" t="s">
        <v>15</v>
      </c>
      <c r="B7" s="22"/>
      <c r="C7" s="22"/>
      <c r="D7" s="22"/>
      <c r="E7" s="22"/>
      <c r="F7" s="22"/>
      <c r="G7" s="22"/>
      <c r="H7" s="22"/>
      <c r="I7" s="22"/>
    </row>
    <row r="8" spans="1:9" s="23" customFormat="1" x14ac:dyDescent="0.2">
      <c r="A8" s="22" t="s">
        <v>16</v>
      </c>
      <c r="B8" s="22"/>
      <c r="C8" s="22"/>
      <c r="D8" s="22"/>
      <c r="E8" s="22"/>
      <c r="F8" s="22"/>
      <c r="G8" s="22"/>
      <c r="H8" s="22"/>
      <c r="I8" s="22"/>
    </row>
    <row r="9" spans="1:9" x14ac:dyDescent="0.2">
      <c r="A9" s="22" t="s">
        <v>17</v>
      </c>
      <c r="B9" s="22"/>
      <c r="C9" s="22"/>
      <c r="D9" s="22"/>
      <c r="E9" s="22"/>
      <c r="F9" s="22"/>
      <c r="G9" s="22"/>
      <c r="H9" s="22"/>
    </row>
    <row r="10" spans="1:9" x14ac:dyDescent="0.2">
      <c r="A10" s="22" t="s">
        <v>32</v>
      </c>
      <c r="B10" s="22"/>
      <c r="C10" s="22"/>
      <c r="D10" s="22"/>
      <c r="E10" s="22"/>
      <c r="F10" s="22"/>
      <c r="G10" s="22"/>
      <c r="H10" s="22"/>
    </row>
    <row r="11" spans="1:9" x14ac:dyDescent="0.2">
      <c r="A11" s="22" t="s">
        <v>33</v>
      </c>
      <c r="B11" s="22"/>
      <c r="C11" s="22"/>
      <c r="D11" s="22"/>
      <c r="E11" s="22"/>
      <c r="F11" s="22"/>
      <c r="G11" s="22"/>
      <c r="H11" s="22"/>
    </row>
    <row r="12" spans="1:9" x14ac:dyDescent="0.2">
      <c r="A12" s="22" t="s">
        <v>34</v>
      </c>
      <c r="B12" s="22"/>
      <c r="C12" s="22"/>
      <c r="D12" s="22"/>
      <c r="E12" s="22"/>
      <c r="F12" s="22"/>
      <c r="G12" s="22"/>
      <c r="H12" s="22"/>
    </row>
    <row r="13" spans="1:9" x14ac:dyDescent="0.2">
      <c r="A13" s="22" t="s">
        <v>35</v>
      </c>
      <c r="B13" s="22"/>
      <c r="C13" s="22"/>
      <c r="D13" s="22"/>
      <c r="E13" s="22"/>
      <c r="F13" s="22"/>
      <c r="G13" s="22"/>
      <c r="H13" s="22"/>
    </row>
    <row r="14" spans="1:9" x14ac:dyDescent="0.2">
      <c r="A14" s="1"/>
      <c r="B14" s="1"/>
      <c r="C14" s="1"/>
      <c r="D14" s="1"/>
      <c r="E14" s="1"/>
      <c r="F14" s="1"/>
      <c r="G14" s="1"/>
      <c r="H14" s="1"/>
      <c r="I14" s="1"/>
    </row>
    <row r="15" spans="1:9" x14ac:dyDescent="0.2">
      <c r="A15" s="1"/>
      <c r="B15" s="1"/>
      <c r="C15" s="1"/>
      <c r="D15" s="1"/>
      <c r="E15" s="1"/>
      <c r="F15" s="1"/>
      <c r="G15" s="1"/>
      <c r="H15" s="1"/>
      <c r="I15" s="1"/>
    </row>
    <row r="16" spans="1:9" ht="13.5" thickBot="1" x14ac:dyDescent="0.25">
      <c r="A16" s="1"/>
      <c r="B16" s="1"/>
      <c r="C16" s="1"/>
      <c r="D16" s="1"/>
      <c r="E16" s="1"/>
      <c r="F16" s="1"/>
      <c r="G16" s="1"/>
      <c r="H16" s="1"/>
      <c r="I16" s="1"/>
    </row>
    <row r="17" spans="4:7" ht="13.5" thickTop="1" x14ac:dyDescent="0.2">
      <c r="D17" s="2"/>
      <c r="E17" s="3"/>
      <c r="F17" s="4"/>
      <c r="G17" s="4"/>
    </row>
    <row r="18" spans="4:7" x14ac:dyDescent="0.2">
      <c r="D18" s="5" t="s">
        <v>18</v>
      </c>
      <c r="E18" s="6" t="s">
        <v>19</v>
      </c>
      <c r="F18" s="4"/>
      <c r="G18" s="4"/>
    </row>
    <row r="19" spans="4:7" x14ac:dyDescent="0.2">
      <c r="D19" s="7"/>
      <c r="E19" s="8"/>
      <c r="F19" s="4"/>
      <c r="G19" s="4"/>
    </row>
    <row r="20" spans="4:7" x14ac:dyDescent="0.2">
      <c r="D20" s="18" t="s">
        <v>20</v>
      </c>
      <c r="E20" s="19">
        <v>1.0341</v>
      </c>
      <c r="F20" s="4"/>
      <c r="G20" s="4"/>
    </row>
    <row r="21" spans="4:7" x14ac:dyDescent="0.2">
      <c r="D21" s="20"/>
      <c r="E21" s="21"/>
      <c r="F21" s="4"/>
      <c r="G21" s="4"/>
    </row>
    <row r="22" spans="4:7" x14ac:dyDescent="0.2">
      <c r="D22" s="18" t="s">
        <v>21</v>
      </c>
      <c r="E22" s="19">
        <v>1.0530999999999999</v>
      </c>
      <c r="F22" s="4"/>
      <c r="G22" s="4"/>
    </row>
    <row r="23" spans="4:7" x14ac:dyDescent="0.2">
      <c r="D23" s="20"/>
      <c r="E23" s="21"/>
      <c r="F23" s="4"/>
      <c r="G23" s="4"/>
    </row>
    <row r="24" spans="4:7" x14ac:dyDescent="0.2">
      <c r="D24" s="18" t="s">
        <v>22</v>
      </c>
      <c r="E24" s="19">
        <v>1.0896999999999999</v>
      </c>
      <c r="F24" s="4"/>
      <c r="G24" s="4"/>
    </row>
    <row r="25" spans="4:7" ht="13.5" thickBot="1" x14ac:dyDescent="0.25">
      <c r="D25" s="9"/>
      <c r="E25" s="10"/>
      <c r="F25" s="4"/>
      <c r="G25" s="4"/>
    </row>
    <row r="26" spans="4:7" ht="13.5" thickTop="1" x14ac:dyDescent="0.2"/>
  </sheetData>
  <mergeCells count="3">
    <mergeCell ref="A1:I1"/>
    <mergeCell ref="A2:I2"/>
    <mergeCell ref="A3:I3"/>
  </mergeCells>
  <phoneticPr fontId="0" type="noConversion"/>
  <pageMargins left="0.75" right="0.75" top="1" bottom="1" header="0.5" footer="0.5"/>
  <pageSetup scale="83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D26"/>
  <sheetViews>
    <sheetView workbookViewId="0"/>
  </sheetViews>
  <sheetFormatPr defaultRowHeight="12.75" x14ac:dyDescent="0.2"/>
  <cols>
    <col min="1" max="1" width="10.5703125" bestFit="1" customWidth="1"/>
    <col min="2" max="2" width="10.85546875" bestFit="1" customWidth="1"/>
    <col min="3" max="3" width="2.7109375" customWidth="1"/>
    <col min="4" max="4" width="40.42578125" bestFit="1" customWidth="1"/>
  </cols>
  <sheetData>
    <row r="1" spans="1:4" x14ac:dyDescent="0.2">
      <c r="A1" s="25" t="s">
        <v>36</v>
      </c>
      <c r="B1" s="26" t="s">
        <v>37</v>
      </c>
      <c r="C1" s="27"/>
      <c r="D1" s="35" t="s">
        <v>38</v>
      </c>
    </row>
    <row r="2" spans="1:4" x14ac:dyDescent="0.2">
      <c r="D2" s="36"/>
    </row>
    <row r="3" spans="1:4" x14ac:dyDescent="0.2">
      <c r="A3" s="28" t="s">
        <v>39</v>
      </c>
      <c r="B3" s="64" t="s">
        <v>40</v>
      </c>
      <c r="C3" s="29"/>
      <c r="D3" s="37" t="s">
        <v>41</v>
      </c>
    </row>
    <row r="4" spans="1:4" x14ac:dyDescent="0.2">
      <c r="A4" s="28" t="s">
        <v>7</v>
      </c>
      <c r="B4" s="64"/>
      <c r="C4" s="29"/>
      <c r="D4" s="37" t="s">
        <v>42</v>
      </c>
    </row>
    <row r="5" spans="1:4" x14ac:dyDescent="0.2">
      <c r="A5" s="31"/>
      <c r="B5" s="32"/>
      <c r="C5" s="32"/>
      <c r="D5" s="38"/>
    </row>
    <row r="6" spans="1:4" x14ac:dyDescent="0.2">
      <c r="A6" s="30"/>
      <c r="B6" s="24"/>
      <c r="C6" s="24"/>
      <c r="D6" s="37"/>
    </row>
    <row r="7" spans="1:4" x14ac:dyDescent="0.2">
      <c r="A7" s="28" t="s">
        <v>43</v>
      </c>
      <c r="B7" s="64" t="s">
        <v>44</v>
      </c>
      <c r="C7" s="29"/>
      <c r="D7" s="37" t="s">
        <v>45</v>
      </c>
    </row>
    <row r="8" spans="1:4" x14ac:dyDescent="0.2">
      <c r="A8" s="28" t="s">
        <v>24</v>
      </c>
      <c r="B8" s="64"/>
      <c r="C8" s="29"/>
      <c r="D8" s="37" t="s">
        <v>46</v>
      </c>
    </row>
    <row r="9" spans="1:4" x14ac:dyDescent="0.2">
      <c r="A9" s="28" t="s">
        <v>47</v>
      </c>
      <c r="B9" s="64"/>
      <c r="C9" s="29"/>
      <c r="D9" s="37" t="s">
        <v>48</v>
      </c>
    </row>
    <row r="10" spans="1:4" x14ac:dyDescent="0.2">
      <c r="A10" s="28" t="s">
        <v>49</v>
      </c>
      <c r="B10" s="64"/>
      <c r="C10" s="29"/>
      <c r="D10" s="37" t="s">
        <v>50</v>
      </c>
    </row>
    <row r="11" spans="1:4" x14ac:dyDescent="0.2">
      <c r="A11" s="31"/>
      <c r="B11" s="32"/>
      <c r="C11" s="32"/>
      <c r="D11" s="38"/>
    </row>
    <row r="12" spans="1:4" x14ac:dyDescent="0.2">
      <c r="A12" s="30"/>
      <c r="B12" s="24"/>
      <c r="C12" s="24"/>
      <c r="D12" s="37"/>
    </row>
    <row r="13" spans="1:4" x14ac:dyDescent="0.2">
      <c r="A13" s="28" t="s">
        <v>25</v>
      </c>
      <c r="B13" s="64" t="s">
        <v>51</v>
      </c>
      <c r="C13" s="29"/>
      <c r="D13" s="37" t="s">
        <v>52</v>
      </c>
    </row>
    <row r="14" spans="1:4" x14ac:dyDescent="0.2">
      <c r="A14" s="28" t="s">
        <v>26</v>
      </c>
      <c r="B14" s="64"/>
      <c r="C14" s="29"/>
      <c r="D14" s="37" t="s">
        <v>53</v>
      </c>
    </row>
    <row r="15" spans="1:4" x14ac:dyDescent="0.2">
      <c r="A15" s="28" t="s">
        <v>27</v>
      </c>
      <c r="B15" s="64"/>
      <c r="C15" s="29"/>
      <c r="D15" s="37" t="s">
        <v>54</v>
      </c>
    </row>
    <row r="16" spans="1:4" x14ac:dyDescent="0.2">
      <c r="A16" s="30"/>
      <c r="B16" s="64"/>
      <c r="C16" s="29"/>
      <c r="D16" s="37"/>
    </row>
    <row r="17" spans="1:4" x14ac:dyDescent="0.2">
      <c r="A17" s="28" t="s">
        <v>55</v>
      </c>
      <c r="B17" s="64"/>
      <c r="C17" s="29"/>
      <c r="D17" s="37" t="s">
        <v>56</v>
      </c>
    </row>
    <row r="18" spans="1:4" x14ac:dyDescent="0.2">
      <c r="A18" s="28" t="s">
        <v>57</v>
      </c>
      <c r="B18" s="64"/>
      <c r="C18" s="29"/>
      <c r="D18" s="37" t="s">
        <v>58</v>
      </c>
    </row>
    <row r="19" spans="1:4" x14ac:dyDescent="0.2">
      <c r="A19" s="31"/>
      <c r="B19" s="32"/>
      <c r="C19" s="32"/>
      <c r="D19" s="38"/>
    </row>
    <row r="20" spans="1:4" x14ac:dyDescent="0.2">
      <c r="A20" s="30"/>
      <c r="B20" s="24"/>
      <c r="C20" s="24"/>
      <c r="D20" s="37"/>
    </row>
    <row r="21" spans="1:4" x14ac:dyDescent="0.2">
      <c r="A21" s="28" t="s">
        <v>59</v>
      </c>
      <c r="B21" s="29" t="s">
        <v>60</v>
      </c>
      <c r="C21" s="29"/>
      <c r="D21" s="37" t="s">
        <v>61</v>
      </c>
    </row>
    <row r="22" spans="1:4" x14ac:dyDescent="0.2">
      <c r="A22" s="31"/>
      <c r="B22" s="33"/>
      <c r="C22" s="33"/>
      <c r="D22" s="38"/>
    </row>
    <row r="23" spans="1:4" x14ac:dyDescent="0.2">
      <c r="A23" s="30"/>
      <c r="B23" s="34"/>
      <c r="C23" s="34"/>
      <c r="D23" s="37"/>
    </row>
    <row r="24" spans="1:4" x14ac:dyDescent="0.2">
      <c r="A24" s="28" t="s">
        <v>62</v>
      </c>
      <c r="B24" s="64" t="s">
        <v>60</v>
      </c>
      <c r="C24" s="29"/>
      <c r="D24" s="37" t="s">
        <v>63</v>
      </c>
    </row>
    <row r="25" spans="1:4" x14ac:dyDescent="0.2">
      <c r="A25" s="28" t="s">
        <v>64</v>
      </c>
      <c r="B25" s="64"/>
      <c r="C25" s="29"/>
      <c r="D25" s="37" t="s">
        <v>65</v>
      </c>
    </row>
    <row r="26" spans="1:4" x14ac:dyDescent="0.2">
      <c r="A26" s="31"/>
      <c r="B26" s="33"/>
      <c r="C26" s="33"/>
      <c r="D26" s="38"/>
    </row>
  </sheetData>
  <mergeCells count="4">
    <mergeCell ref="B24:B25"/>
    <mergeCell ref="B3:B4"/>
    <mergeCell ref="B7:B10"/>
    <mergeCell ref="B13:B18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mM1ZjhlYjEyLTViMjctNDM5ZC1hYWE2LTM0MDJhZjYyNmZhMyIgdmFsdWU9IiIgeG1sbnM9Imh0dHA6Ly93d3cuYm9sZG9uamFtZXMuY29tLzIwMDgvMDEvc2llL2ludGVybmFsL2xhYmVsIiAvPjwvc2lzbD48VXNlck5hbWU+Q09SUFxzMTg0MDA2PC9Vc2VyTmFtZT48RGF0ZVRpbWU+NS8xOC8yMDIyIDE6NDQ6MjggUE08L0RhdGVUaW1lPjxMYWJlbFN0cmluZz5BRVAgUHVibGljPC9MYWJlbFN0cmluZz48L2l0ZW0+PC9sYWJlbEhpc3Rvcnk+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c5f8eb12-5b27-439d-aaa6-3402af626fa3" value=""/>
</sisl>
</file>

<file path=customXml/itemProps1.xml><?xml version="1.0" encoding="utf-8"?>
<ds:datastoreItem xmlns:ds="http://schemas.openxmlformats.org/officeDocument/2006/customXml" ds:itemID="{921942D4-58E1-4C0D-B8D8-DF017B380716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37DD2059-EADE-462F-BF8B-412FB28E1E3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1</vt:i4>
      </vt:variant>
    </vt:vector>
  </HeadingPairs>
  <TitlesOfParts>
    <vt:vector size="5" baseType="lpstr">
      <vt:lpstr>Ohio Power - 001400607</vt:lpstr>
      <vt:lpstr>Columbus Southern - 000406210</vt:lpstr>
      <vt:lpstr>Loss Factors</vt:lpstr>
      <vt:lpstr>Revenue Class</vt:lpstr>
      <vt:lpstr>'Loss Factors'!Print_Area</vt:lpstr>
    </vt:vector>
  </TitlesOfParts>
  <Company>AE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rhinkle@aep.com;sjlepore1@aep.com</dc:creator>
  <cp:keywords/>
  <cp:lastModifiedBy>s184006</cp:lastModifiedBy>
  <cp:lastPrinted>2012-01-24T16:19:27Z</cp:lastPrinted>
  <dcterms:created xsi:type="dcterms:W3CDTF">2000-09-18T22:51:23Z</dcterms:created>
  <dcterms:modified xsi:type="dcterms:W3CDTF">2023-08-29T10:19:2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e823d69-ebaf-46ab-8539-cdce9451bc74</vt:lpwstr>
  </property>
  <property fmtid="{D5CDD505-2E9C-101B-9397-08002B2CF9AE}" pid="3" name="bjClsUserRVM">
    <vt:lpwstr>[]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c5f8eb12-5b27-439d-aaa6-3402af626fa3" value="" /&gt;&lt;/sisl&gt;</vt:lpwstr>
  </property>
  <property fmtid="{D5CDD505-2E9C-101B-9397-08002B2CF9AE}" pid="6" name="bjDocumentSecurityLabel">
    <vt:lpwstr>AEP Public</vt:lpwstr>
  </property>
  <property fmtid="{D5CDD505-2E9C-101B-9397-08002B2CF9AE}" pid="7" name="bjSaver">
    <vt:lpwstr>T2kjr6R/lP7d5Br8JLXCo4FME99vf2VY</vt:lpwstr>
  </property>
  <property fmtid="{D5CDD505-2E9C-101B-9397-08002B2CF9AE}" pid="8" name="MSIP_Label_5c34e43d-0b77-4b2c-b224-1b46981ccfdb_SiteId">
    <vt:lpwstr>15f3c881-6b03-4ff6-8559-77bf5177818f</vt:lpwstr>
  </property>
  <property fmtid="{D5CDD505-2E9C-101B-9397-08002B2CF9AE}" pid="9" name="MSIP_Label_5c34e43d-0b77-4b2c-b224-1b46981ccfdb_Name">
    <vt:lpwstr>AEP Public</vt:lpwstr>
  </property>
  <property fmtid="{D5CDD505-2E9C-101B-9397-08002B2CF9AE}" pid="10" name="MSIP_Label_5c34e43d-0b77-4b2c-b224-1b46981ccfdb_Enabled">
    <vt:lpwstr>true</vt:lpwstr>
  </property>
  <property fmtid="{D5CDD505-2E9C-101B-9397-08002B2CF9AE}" pid="11" name="bjLabelHistoryID">
    <vt:lpwstr>{921942D4-58E1-4C0D-B8D8-DF017B380716}</vt:lpwstr>
  </property>
</Properties>
</file>